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G:\共有ドライブ\2部_主務\02.ZEH\014_R4（2022）\07.交付申請書\01.戸建（ZEH、次世代Z）\07.R5準備\榎本_事前予約\河津さん\"/>
    </mc:Choice>
  </mc:AlternateContent>
  <xr:revisionPtr revIDLastSave="0" documentId="13_ncr:1_{BD0B6675-1434-4886-82CB-C4C8BBF14869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様式1_提案移行申請書" sheetId="2" r:id="rId1"/>
  </sheets>
  <externalReferences>
    <externalReference r:id="rId2"/>
  </externalReferences>
  <definedNames>
    <definedName name="①設備システム名">[1]date2!$E$4:$L$4</definedName>
    <definedName name="②設備システム名">[1]date2!$E$14:$F$14</definedName>
    <definedName name="③設備システム名">[1]date2!$E$16:$K$16</definedName>
    <definedName name="④設備システム名">[1]date2!$E$29:$G$29</definedName>
    <definedName name="⑤設備システム名">[1]date2!$E$39:$G$39</definedName>
    <definedName name="⑥設備システム名">[1]date2!$E$48:$G$48</definedName>
    <definedName name="⑦設備システム名">[1]date2!$E$62:$G$62</definedName>
    <definedName name="⑧設備システム名">[1]date2!$E$70:$F$70</definedName>
    <definedName name="⑨設備システム名">[1]date2!$E$72:$H$72</definedName>
    <definedName name="⑩設備システム名">[1]date2!$E$78:$H$78</definedName>
    <definedName name="⑪設備システム名">[1]date2!$E$85:$H$85</definedName>
    <definedName name="LED照明器具">[1]!テーブル22[LED照明器具]</definedName>
    <definedName name="NAS蓄電池">[1]!テーブル32[ＮＡＳ蓄電池]</definedName>
    <definedName name="_xlnm.Print_Area" localSheetId="0">様式1_提案移行申請書!$A$1:$AQ$57</definedName>
    <definedName name="ガスエンジン">[1]!テーブル36[ガスエンジン]</definedName>
    <definedName name="ガスタービン">[1]!テーブル35[ガスタービン]</definedName>
    <definedName name="その他空調システム">[1]!テーブル18[その他空調システム]</definedName>
    <definedName name="その他空調機器">[1]!テーブル17[その他空調機器]</definedName>
    <definedName name="ディーゼルエンジン">[1]!テーブル37[ディーゼルエンジン]</definedName>
    <definedName name="ニッケル水素電池">[1]!テーブル33[ニッケル水素電池]</definedName>
    <definedName name="バイオマス発電">[1]!テーブル42[バイオマス発電]</definedName>
    <definedName name="ホテル等">[1]!テーブル44[ホテル等]</definedName>
    <definedName name="リチウムイオン電池">[1]!テーブル34[リチウムイオン電池]</definedName>
    <definedName name="鉛蓄電池">[1]!テーブル31[鉛蓄電池]</definedName>
    <definedName name="外気利用・抑制システム">[1]!テーブル15[外気利用・抑制システム]</definedName>
    <definedName name="学校等">[1]!テーブル47[学校等]</definedName>
    <definedName name="建物配置計画">[1]!テーブル4[建物配置計画]</definedName>
    <definedName name="個別方式">[1]!テーブル25[個別方式]</definedName>
    <definedName name="高輝度誘導灯">[1]!テーブル24[高輝度誘導灯]</definedName>
    <definedName name="高性能窓ガラス">[1]!テーブル6[高性能窓ガラス]</definedName>
    <definedName name="高性能窓サッシ">[1]!テーブル7[高性能窓サッシ]</definedName>
    <definedName name="高断熱化">[1]!テーブル5[高断熱化]</definedName>
    <definedName name="事務所等">[1]!テーブル43[事務所等]</definedName>
    <definedName name="自然採光">[1]!テーブル11[自然採光]</definedName>
    <definedName name="自然通風">[1]!テーブル10[自然通風]</definedName>
    <definedName name="集会所等">[1]!テーブル48[集会所等]</definedName>
    <definedName name="常用">[1]!テーブル28[常用]</definedName>
    <definedName name="人荷用">[1]!テーブル30[人荷用]</definedName>
    <definedName name="水力発電">[1]!テーブル41[水力発電]</definedName>
    <definedName name="太陽光発電">#REF!</definedName>
    <definedName name="中央方式">[1]!テーブル26[中央方式]</definedName>
    <definedName name="日射遮熱">[1]!テーブル9[日射遮熱]</definedName>
    <definedName name="日射遮蔽">[1]!テーブル8[日射遮蔽]</definedName>
    <definedName name="燃料電池">[1]!テーブル38[燃料電池]</definedName>
    <definedName name="非常用">[1]!テーブル29[非常用]</definedName>
    <definedName name="百貨店等">[1]!テーブル46[百貨店等]</definedName>
    <definedName name="病院等">[1]!テーブル45[病院等]</definedName>
    <definedName name="風力発電">[1]!テーブル40[風力発電]</definedName>
    <definedName name="併用方式">[1]!テーブル27[併用方式]</definedName>
    <definedName name="有機EL照明器具">[1]!テーブル23[有機EL照明器具]</definedName>
    <definedName name="流量・温度等可変システム">[1]!テーブル16[流量・温度等可変システム]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48">
  <si>
    <t>〒</t>
    <phoneticPr fontId="3"/>
  </si>
  <si>
    <t>電話番号</t>
    <rPh sb="0" eb="2">
      <t>デンワ</t>
    </rPh>
    <rPh sb="2" eb="4">
      <t>バンゴウ</t>
    </rPh>
    <phoneticPr fontId="3"/>
  </si>
  <si>
    <t>支店名</t>
    <rPh sb="0" eb="3">
      <t>シテンメイ</t>
    </rPh>
    <phoneticPr fontId="3"/>
  </si>
  <si>
    <t>所　属</t>
    <rPh sb="0" eb="1">
      <t>ショ</t>
    </rPh>
    <rPh sb="2" eb="3">
      <t>ゾク</t>
    </rPh>
    <phoneticPr fontId="3"/>
  </si>
  <si>
    <t>役職</t>
    <rPh sb="0" eb="2">
      <t>ヤクショク</t>
    </rPh>
    <phoneticPr fontId="6"/>
  </si>
  <si>
    <t>ふりがな</t>
    <phoneticPr fontId="6"/>
  </si>
  <si>
    <t>担当者氏名</t>
    <rPh sb="0" eb="3">
      <t>タントウシャ</t>
    </rPh>
    <rPh sb="3" eb="5">
      <t>シメイ</t>
    </rPh>
    <phoneticPr fontId="3"/>
  </si>
  <si>
    <t>住　所</t>
    <rPh sb="0" eb="1">
      <t>スミ</t>
    </rPh>
    <rPh sb="2" eb="3">
      <t>ショ</t>
    </rPh>
    <phoneticPr fontId="3"/>
  </si>
  <si>
    <t>－</t>
    <phoneticPr fontId="3"/>
  </si>
  <si>
    <t>都道
府県</t>
    <rPh sb="0" eb="2">
      <t>トドウ</t>
    </rPh>
    <rPh sb="3" eb="5">
      <t>フケン</t>
    </rPh>
    <phoneticPr fontId="6"/>
  </si>
  <si>
    <t>市区
町村</t>
    <rPh sb="0" eb="2">
      <t>シク</t>
    </rPh>
    <rPh sb="3" eb="5">
      <t>チョウソン</t>
    </rPh>
    <phoneticPr fontId="6"/>
  </si>
  <si>
    <t>(</t>
    <phoneticPr fontId="3"/>
  </si>
  <si>
    <t>)</t>
    <phoneticPr fontId="3"/>
  </si>
  <si>
    <t>＠</t>
    <phoneticPr fontId="3"/>
  </si>
  <si>
    <t>Ｅ-ＭＡＩＬ</t>
    <phoneticPr fontId="3"/>
  </si>
  <si>
    <t>本社所在地</t>
    <rPh sb="0" eb="2">
      <t>ホンシャ</t>
    </rPh>
    <rPh sb="2" eb="5">
      <t>ショザイチ</t>
    </rPh>
    <phoneticPr fontId="3"/>
  </si>
  <si>
    <t>一般社団法人 環境共創イニシアチブ</t>
    <rPh sb="0" eb="2">
      <t>イッパン</t>
    </rPh>
    <rPh sb="2" eb="4">
      <t>シャダン</t>
    </rPh>
    <rPh sb="4" eb="6">
      <t>ホウジン</t>
    </rPh>
    <rPh sb="7" eb="9">
      <t>カンキョウ</t>
    </rPh>
    <rPh sb="9" eb="11">
      <t>キョウソウ</t>
    </rPh>
    <phoneticPr fontId="3"/>
  </si>
  <si>
    <t>代 表 理 事 　 村上 孝　　殿</t>
    <rPh sb="0" eb="1">
      <t>ダイ</t>
    </rPh>
    <rPh sb="2" eb="3">
      <t>ヒョウ</t>
    </rPh>
    <rPh sb="4" eb="5">
      <t>リ</t>
    </rPh>
    <rPh sb="6" eb="7">
      <t>コト</t>
    </rPh>
    <rPh sb="10" eb="12">
      <t>ムラカミ</t>
    </rPh>
    <rPh sb="13" eb="14">
      <t>タカシ</t>
    </rPh>
    <rPh sb="16" eb="17">
      <t>ドノ</t>
    </rPh>
    <phoneticPr fontId="3"/>
  </si>
  <si>
    <t>令和</t>
    <rPh sb="0" eb="2">
      <t>レイワ</t>
    </rPh>
    <phoneticPr fontId="3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記入日</t>
    <rPh sb="0" eb="3">
      <t>キニュウビ</t>
    </rPh>
    <phoneticPr fontId="3"/>
  </si>
  <si>
    <t>（次世代ZEH＋（注文住宅）実証事業）のうち次世代HEMS実証事業</t>
    <rPh sb="1" eb="4">
      <t>ジセダイ</t>
    </rPh>
    <rPh sb="9" eb="11">
      <t>チュウモン</t>
    </rPh>
    <rPh sb="11" eb="13">
      <t>ジュウタク</t>
    </rPh>
    <rPh sb="14" eb="16">
      <t>ジッショウ</t>
    </rPh>
    <rPh sb="16" eb="18">
      <t>ジギョウ</t>
    </rPh>
    <rPh sb="22" eb="25">
      <t>ジセダイ</t>
    </rPh>
    <rPh sb="29" eb="31">
      <t>ジッショウ</t>
    </rPh>
    <rPh sb="31" eb="33">
      <t>ジギョウ</t>
    </rPh>
    <phoneticPr fontId="3"/>
  </si>
  <si>
    <t>１．申請者情報</t>
    <rPh sb="2" eb="5">
      <t>シンセイシャ</t>
    </rPh>
    <rPh sb="5" eb="7">
      <t>ジョウホウ</t>
    </rPh>
    <phoneticPr fontId="3"/>
  </si>
  <si>
    <t>ふりがな</t>
    <phoneticPr fontId="3"/>
  </si>
  <si>
    <t>法人名</t>
    <rPh sb="0" eb="3">
      <t>ホウジンメイ</t>
    </rPh>
    <phoneticPr fontId="3"/>
  </si>
  <si>
    <t>法人番号</t>
    <rPh sb="0" eb="2">
      <t>ホウジン</t>
    </rPh>
    <rPh sb="2" eb="4">
      <t>バンゴウ</t>
    </rPh>
    <phoneticPr fontId="3"/>
  </si>
  <si>
    <t>代表者名</t>
    <rPh sb="0" eb="3">
      <t>ダイヒョウシャ</t>
    </rPh>
    <rPh sb="3" eb="4">
      <t>メイ</t>
    </rPh>
    <phoneticPr fontId="3"/>
  </si>
  <si>
    <t>代表者役職</t>
    <rPh sb="0" eb="3">
      <t>ダイヒョウシャ</t>
    </rPh>
    <rPh sb="3" eb="5">
      <t>ヤクショク</t>
    </rPh>
    <phoneticPr fontId="3"/>
  </si>
  <si>
    <t>（２）ZEHビルダー/プランナー登録情報</t>
    <rPh sb="16" eb="18">
      <t>トウロク</t>
    </rPh>
    <rPh sb="18" eb="20">
      <t>ジョウホウ</t>
    </rPh>
    <phoneticPr fontId="3"/>
  </si>
  <si>
    <t>登録番号</t>
    <rPh sb="0" eb="2">
      <t>トウロク</t>
    </rPh>
    <rPh sb="2" eb="4">
      <t>バンゴウ</t>
    </rPh>
    <phoneticPr fontId="3"/>
  </si>
  <si>
    <t>実績報告状況</t>
    <rPh sb="0" eb="2">
      <t>ジッセキ</t>
    </rPh>
    <rPh sb="2" eb="4">
      <t>ホウコク</t>
    </rPh>
    <rPh sb="4" eb="6">
      <t>ジョウキョウ</t>
    </rPh>
    <phoneticPr fontId="3"/>
  </si>
  <si>
    <t>（３）申請担当者情報</t>
    <rPh sb="3" eb="5">
      <t>シンセイ</t>
    </rPh>
    <rPh sb="5" eb="8">
      <t>タントウシャ</t>
    </rPh>
    <rPh sb="8" eb="10">
      <t>ジョウホウ</t>
    </rPh>
    <phoneticPr fontId="3"/>
  </si>
  <si>
    <t>実績報告済み</t>
    <rPh sb="0" eb="2">
      <t>ジッセキ</t>
    </rPh>
    <rPh sb="2" eb="5">
      <t>ホウコクズ</t>
    </rPh>
    <phoneticPr fontId="3"/>
  </si>
  <si>
    <t>（１）申請者（ZEHビルダー/プランナー法人情報）</t>
    <rPh sb="3" eb="6">
      <t>シンセイシャ</t>
    </rPh>
    <rPh sb="20" eb="22">
      <t>ホウジン</t>
    </rPh>
    <rPh sb="22" eb="24">
      <t>ジョウホウ</t>
    </rPh>
    <phoneticPr fontId="3"/>
  </si>
  <si>
    <t>携帯番号</t>
    <rPh sb="0" eb="2">
      <t>ケイタイ</t>
    </rPh>
    <rPh sb="2" eb="4">
      <t>バンゴウ</t>
    </rPh>
    <phoneticPr fontId="3"/>
  </si>
  <si>
    <t>（１）法人情報</t>
    <rPh sb="3" eb="5">
      <t>ホウジン</t>
    </rPh>
    <rPh sb="5" eb="7">
      <t>ジョウホウ</t>
    </rPh>
    <phoneticPr fontId="3"/>
  </si>
  <si>
    <t>（２）担当者情報</t>
    <rPh sb="3" eb="6">
      <t>タントウシャ</t>
    </rPh>
    <rPh sb="6" eb="8">
      <t>ジョウホウ</t>
    </rPh>
    <phoneticPr fontId="3"/>
  </si>
  <si>
    <t>指定様式1</t>
    <rPh sb="0" eb="2">
      <t>シテイ</t>
    </rPh>
    <rPh sb="2" eb="4">
      <t>ヨウシキ</t>
    </rPh>
    <phoneticPr fontId="3"/>
  </si>
  <si>
    <t>令和5年度 住宅・建築物需給一体型等省エネルギー投資促進事業費（ネット・ゼロ・エネルギー・ハウス実証事業）</t>
    <rPh sb="0" eb="2">
      <t>レイワ</t>
    </rPh>
    <rPh sb="3" eb="5">
      <t>ネンド</t>
    </rPh>
    <rPh sb="6" eb="8">
      <t>ジュウタク</t>
    </rPh>
    <rPh sb="48" eb="50">
      <t>ジッショウ</t>
    </rPh>
    <rPh sb="50" eb="52">
      <t>ジギョウ</t>
    </rPh>
    <phoneticPr fontId="3"/>
  </si>
  <si>
    <t>提案移行申請書</t>
    <rPh sb="0" eb="2">
      <t>テイアン</t>
    </rPh>
    <rPh sb="2" eb="4">
      <t>イコウ</t>
    </rPh>
    <rPh sb="4" eb="7">
      <t>シンセイショ</t>
    </rPh>
    <phoneticPr fontId="3"/>
  </si>
  <si>
    <t>２．コンソーシアムを組むHEMSメーカー情報</t>
    <rPh sb="10" eb="11">
      <t>ク</t>
    </rPh>
    <rPh sb="20" eb="22">
      <t>ジョウホウ</t>
    </rPh>
    <phoneticPr fontId="3"/>
  </si>
  <si>
    <t>□</t>
    <phoneticPr fontId="3"/>
  </si>
  <si>
    <t>３．提案移行について</t>
    <rPh sb="2" eb="6">
      <t>テイアンイコウ</t>
    </rPh>
    <phoneticPr fontId="3"/>
  </si>
  <si>
    <t>令和４年度次世代HEMS実証事業において「提案応募」を行い、戸数割当決定を受けたZEHビルダー/プランナーと</t>
    <rPh sb="0" eb="2">
      <t>レイワ</t>
    </rPh>
    <rPh sb="3" eb="5">
      <t>ネンド</t>
    </rPh>
    <rPh sb="5" eb="8">
      <t>ジセダイ</t>
    </rPh>
    <rPh sb="12" eb="16">
      <t>ジッショウジギョウ</t>
    </rPh>
    <rPh sb="21" eb="23">
      <t>テイアン</t>
    </rPh>
    <rPh sb="23" eb="25">
      <t>オウボ</t>
    </rPh>
    <rPh sb="27" eb="28">
      <t>オコナ</t>
    </rPh>
    <rPh sb="30" eb="34">
      <t>コスウワリアテ</t>
    </rPh>
    <rPh sb="34" eb="36">
      <t>ケッテイ</t>
    </rPh>
    <rPh sb="37" eb="38">
      <t>ウ</t>
    </rPh>
    <phoneticPr fontId="3"/>
  </si>
  <si>
    <t>HEMSメーカーのコンソーシアムであり、同一の提案内容であることを誓約の上、本事業への登録を希望します。</t>
    <rPh sb="20" eb="22">
      <t>ドウイツ</t>
    </rPh>
    <rPh sb="23" eb="25">
      <t>テイアン</t>
    </rPh>
    <rPh sb="25" eb="27">
      <t>ナイヨウ</t>
    </rPh>
    <rPh sb="33" eb="35">
      <t>セイヤク</t>
    </rPh>
    <rPh sb="36" eb="37">
      <t>ウエ</t>
    </rPh>
    <rPh sb="38" eb="41">
      <t>ホンジギョウ</t>
    </rPh>
    <rPh sb="43" eb="45">
      <t>トウロク</t>
    </rPh>
    <rPh sb="46" eb="48">
      <t>キボウ</t>
    </rPh>
    <phoneticPr fontId="3"/>
  </si>
  <si>
    <t>提案移行用</t>
    <rPh sb="0" eb="2">
      <t>テイアン</t>
    </rPh>
    <rPh sb="2" eb="4">
      <t>イコウ</t>
    </rPh>
    <rPh sb="4" eb="5">
      <t>ヨ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24" x14ac:knownFonts="1">
    <font>
      <sz val="11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name val="游ゴシック"/>
      <family val="3"/>
      <charset val="128"/>
    </font>
    <font>
      <sz val="15"/>
      <name val="游ゴシック"/>
      <family val="3"/>
      <charset val="128"/>
    </font>
    <font>
      <sz val="10.5"/>
      <name val="游ゴシック"/>
      <family val="3"/>
      <charset val="128"/>
    </font>
    <font>
      <sz val="12"/>
      <name val="游ゴシック"/>
      <family val="3"/>
      <charset val="128"/>
    </font>
    <font>
      <sz val="11"/>
      <color indexed="8"/>
      <name val="游ゴシック"/>
      <family val="3"/>
      <charset val="128"/>
    </font>
    <font>
      <sz val="13"/>
      <name val="游ゴシック"/>
      <family val="3"/>
      <charset val="128"/>
    </font>
    <font>
      <sz val="14"/>
      <color indexed="8"/>
      <name val="游ゴシック"/>
      <family val="3"/>
      <charset val="128"/>
    </font>
    <font>
      <b/>
      <sz val="11"/>
      <color theme="0"/>
      <name val="游ゴシック"/>
      <family val="3"/>
      <charset val="128"/>
    </font>
    <font>
      <b/>
      <sz val="14"/>
      <color theme="0"/>
      <name val="游ゴシック"/>
      <family val="3"/>
      <charset val="128"/>
    </font>
    <font>
      <b/>
      <sz val="20"/>
      <color theme="1" tint="0.34998626667073579"/>
      <name val="游ゴシック"/>
      <family val="3"/>
      <charset val="128"/>
    </font>
    <font>
      <sz val="10"/>
      <name val="游ゴシック"/>
      <family val="3"/>
      <charset val="128"/>
    </font>
    <font>
      <sz val="9"/>
      <name val="游ゴシック"/>
      <family val="3"/>
      <charset val="128"/>
    </font>
    <font>
      <b/>
      <u/>
      <sz val="11"/>
      <name val="游ゴシック"/>
      <family val="3"/>
      <charset val="128"/>
    </font>
    <font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13"/>
      <name val="ＭＳ Ｐ明朝"/>
      <family val="1"/>
      <charset val="128"/>
    </font>
    <font>
      <sz val="11"/>
      <name val="游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5">
    <xf numFmtId="0" fontId="0" fillId="0" borderId="0"/>
    <xf numFmtId="0" fontId="1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5" fillId="0" borderId="0">
      <alignment vertical="center"/>
    </xf>
  </cellStyleXfs>
  <cellXfs count="129">
    <xf numFmtId="0" fontId="0" fillId="0" borderId="0" xfId="0"/>
    <xf numFmtId="49" fontId="9" fillId="0" borderId="0" xfId="0" applyNumberFormat="1" applyFont="1" applyAlignment="1">
      <alignment horizontal="right"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right" vertical="center"/>
    </xf>
    <xf numFmtId="49" fontId="9" fillId="0" borderId="0" xfId="0" applyNumberFormat="1" applyFont="1" applyAlignment="1">
      <alignment horizontal="left" vertical="center"/>
    </xf>
    <xf numFmtId="0" fontId="11" fillId="2" borderId="0" xfId="4" applyFont="1" applyFill="1" applyAlignment="1" applyProtection="1">
      <alignment vertical="center" textRotation="255"/>
      <protection hidden="1"/>
    </xf>
    <xf numFmtId="0" fontId="12" fillId="2" borderId="3" xfId="4" applyFont="1" applyFill="1" applyBorder="1" applyAlignment="1" applyProtection="1">
      <alignment vertical="center" shrinkToFit="1"/>
      <protection hidden="1"/>
    </xf>
    <xf numFmtId="0" fontId="10" fillId="2" borderId="4" xfId="4" applyFont="1" applyFill="1" applyBorder="1" applyAlignment="1" applyProtection="1">
      <alignment horizontal="center" vertical="center" shrinkToFit="1"/>
      <protection hidden="1"/>
    </xf>
    <xf numFmtId="0" fontId="10" fillId="2" borderId="3" xfId="4" applyFont="1" applyFill="1" applyBorder="1" applyAlignment="1" applyProtection="1">
      <alignment horizontal="right" vertical="center"/>
      <protection hidden="1"/>
    </xf>
    <xf numFmtId="0" fontId="10" fillId="2" borderId="4" xfId="4" applyFont="1" applyFill="1" applyBorder="1" applyAlignment="1" applyProtection="1">
      <alignment horizontal="left" vertical="center" shrinkToFit="1"/>
      <protection hidden="1"/>
    </xf>
    <xf numFmtId="0" fontId="10" fillId="2" borderId="4" xfId="4" applyFont="1" applyFill="1" applyBorder="1" applyAlignment="1" applyProtection="1">
      <alignment vertical="center" shrinkToFit="1"/>
      <protection hidden="1"/>
    </xf>
    <xf numFmtId="0" fontId="10" fillId="2" borderId="4" xfId="4" applyFont="1" applyFill="1" applyBorder="1" applyAlignment="1" applyProtection="1">
      <alignment horizontal="right" vertical="center"/>
      <protection hidden="1"/>
    </xf>
    <xf numFmtId="49" fontId="9" fillId="0" borderId="0" xfId="0" applyNumberFormat="1" applyFont="1" applyAlignment="1">
      <alignment vertical="center"/>
    </xf>
    <xf numFmtId="0" fontId="9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vertical="center"/>
    </xf>
    <xf numFmtId="0" fontId="14" fillId="0" borderId="0" xfId="0" applyFont="1" applyAlignment="1">
      <alignment horizontal="center" vertical="center"/>
    </xf>
    <xf numFmtId="0" fontId="7" fillId="0" borderId="0" xfId="0" applyFont="1" applyAlignment="1">
      <alignment horizontal="right" vertical="center"/>
    </xf>
    <xf numFmtId="0" fontId="16" fillId="0" borderId="0" xfId="0" applyFont="1" applyAlignment="1">
      <alignment horizontal="center" vertical="center"/>
    </xf>
    <xf numFmtId="0" fontId="7" fillId="2" borderId="0" xfId="3" applyFont="1" applyFill="1" applyProtection="1">
      <alignment vertical="center"/>
      <protection hidden="1"/>
    </xf>
    <xf numFmtId="0" fontId="7" fillId="0" borderId="0" xfId="3" applyFont="1" applyProtection="1">
      <alignment vertical="center"/>
      <protection hidden="1"/>
    </xf>
    <xf numFmtId="0" fontId="7" fillId="2" borderId="5" xfId="3" applyFont="1" applyFill="1" applyBorder="1" applyProtection="1">
      <alignment vertical="center"/>
      <protection hidden="1"/>
    </xf>
    <xf numFmtId="0" fontId="10" fillId="2" borderId="4" xfId="4" applyFont="1" applyFill="1" applyBorder="1" applyProtection="1">
      <alignment vertical="center"/>
      <protection hidden="1"/>
    </xf>
    <xf numFmtId="0" fontId="7" fillId="3" borderId="0" xfId="0" applyFont="1" applyFill="1" applyAlignment="1">
      <alignment vertical="center"/>
    </xf>
    <xf numFmtId="49" fontId="7" fillId="0" borderId="0" xfId="0" applyNumberFormat="1" applyFont="1" applyAlignment="1">
      <alignment horizontal="left" vertical="center"/>
    </xf>
    <xf numFmtId="49" fontId="9" fillId="0" borderId="0" xfId="0" applyNumberFormat="1" applyFont="1" applyAlignment="1">
      <alignment horizontal="center" vertical="center"/>
    </xf>
    <xf numFmtId="0" fontId="7" fillId="2" borderId="3" xfId="4" applyFont="1" applyFill="1" applyBorder="1" applyAlignment="1" applyProtection="1">
      <alignment horizontal="right" vertical="center"/>
      <protection hidden="1"/>
    </xf>
    <xf numFmtId="0" fontId="7" fillId="2" borderId="4" xfId="4" applyFont="1" applyFill="1" applyBorder="1" applyAlignment="1" applyProtection="1">
      <alignment horizontal="left" vertical="center" shrinkToFit="1"/>
      <protection hidden="1"/>
    </xf>
    <xf numFmtId="0" fontId="7" fillId="2" borderId="4" xfId="4" applyFont="1" applyFill="1" applyBorder="1" applyAlignment="1" applyProtection="1">
      <alignment vertical="center" shrinkToFit="1"/>
      <protection hidden="1"/>
    </xf>
    <xf numFmtId="0" fontId="7" fillId="2" borderId="5" xfId="4" applyFont="1" applyFill="1" applyBorder="1" applyProtection="1">
      <alignment vertical="center"/>
      <protection hidden="1"/>
    </xf>
    <xf numFmtId="0" fontId="7" fillId="2" borderId="3" xfId="4" applyFont="1" applyFill="1" applyBorder="1" applyAlignment="1" applyProtection="1">
      <alignment vertical="center" shrinkToFit="1"/>
      <protection hidden="1"/>
    </xf>
    <xf numFmtId="0" fontId="7" fillId="2" borderId="4" xfId="4" applyFont="1" applyFill="1" applyBorder="1" applyAlignment="1" applyProtection="1">
      <alignment horizontal="center" vertical="center" shrinkToFit="1"/>
      <protection hidden="1"/>
    </xf>
    <xf numFmtId="0" fontId="19" fillId="0" borderId="0" xfId="0" applyFont="1" applyAlignment="1">
      <alignment vertical="center"/>
    </xf>
    <xf numFmtId="0" fontId="17" fillId="0" borderId="4" xfId="0" applyFont="1" applyBorder="1" applyAlignment="1">
      <alignment horizontal="center" vertical="center"/>
    </xf>
    <xf numFmtId="0" fontId="17" fillId="0" borderId="5" xfId="0" applyFont="1" applyBorder="1" applyAlignment="1">
      <alignment horizontal="center" vertical="center"/>
    </xf>
    <xf numFmtId="49" fontId="13" fillId="2" borderId="5" xfId="4" applyNumberFormat="1" applyFont="1" applyFill="1" applyBorder="1" applyAlignment="1">
      <alignment vertical="center" shrinkToFit="1"/>
    </xf>
    <xf numFmtId="49" fontId="20" fillId="2" borderId="0" xfId="3" applyNumberFormat="1" applyFont="1" applyFill="1" applyProtection="1">
      <alignment vertical="center"/>
      <protection hidden="1"/>
    </xf>
    <xf numFmtId="0" fontId="21" fillId="2" borderId="0" xfId="3" applyFont="1" applyFill="1" applyProtection="1">
      <alignment vertical="center"/>
      <protection hidden="1"/>
    </xf>
    <xf numFmtId="0" fontId="0" fillId="2" borderId="0" xfId="0" applyFill="1" applyAlignment="1" applyProtection="1">
      <alignment vertical="center"/>
      <protection hidden="1"/>
    </xf>
    <xf numFmtId="0" fontId="22" fillId="2" borderId="0" xfId="3" applyFont="1" applyFill="1" applyProtection="1">
      <alignment vertical="center"/>
      <protection hidden="1"/>
    </xf>
    <xf numFmtId="0" fontId="23" fillId="0" borderId="0" xfId="0" applyFont="1" applyAlignment="1">
      <alignment vertical="center"/>
    </xf>
    <xf numFmtId="0" fontId="23" fillId="2" borderId="0" xfId="3" applyFont="1" applyFill="1" applyProtection="1">
      <alignment vertical="center"/>
      <protection hidden="1"/>
    </xf>
    <xf numFmtId="0" fontId="7" fillId="0" borderId="3" xfId="0" applyFont="1" applyBorder="1" applyAlignment="1" applyProtection="1">
      <alignment vertical="center" shrinkToFit="1"/>
      <protection locked="0"/>
    </xf>
    <xf numFmtId="0" fontId="7" fillId="0" borderId="4" xfId="0" applyFont="1" applyBorder="1" applyAlignment="1" applyProtection="1">
      <alignment vertical="center" shrinkToFit="1"/>
      <protection locked="0"/>
    </xf>
    <xf numFmtId="0" fontId="7" fillId="0" borderId="5" xfId="0" applyFont="1" applyBorder="1" applyAlignment="1" applyProtection="1">
      <alignment vertical="center" shrinkToFit="1"/>
      <protection locked="0"/>
    </xf>
    <xf numFmtId="0" fontId="22" fillId="2" borderId="0" xfId="3" applyFont="1" applyFill="1" applyAlignment="1" applyProtection="1">
      <alignment horizontal="center" vertical="center"/>
      <protection locked="0" hidden="1"/>
    </xf>
    <xf numFmtId="0" fontId="10" fillId="0" borderId="4" xfId="0" applyFont="1" applyBorder="1" applyAlignment="1">
      <alignment horizontal="center" vertical="center"/>
    </xf>
    <xf numFmtId="176" fontId="10" fillId="0" borderId="4" xfId="0" applyNumberFormat="1" applyFont="1" applyBorder="1" applyAlignment="1" applyProtection="1">
      <alignment horizontal="center" vertical="center"/>
      <protection locked="0"/>
    </xf>
    <xf numFmtId="49" fontId="7" fillId="2" borderId="9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6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10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7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1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8" xfId="4" applyNumberFormat="1" applyFont="1" applyFill="1" applyBorder="1" applyAlignment="1" applyProtection="1">
      <alignment horizontal="center" vertical="center" shrinkToFit="1"/>
      <protection locked="0"/>
    </xf>
    <xf numFmtId="0" fontId="8" fillId="2" borderId="4" xfId="4" applyFont="1" applyFill="1" applyBorder="1" applyAlignment="1" applyProtection="1">
      <alignment horizontal="center" vertical="center"/>
      <protection hidden="1"/>
    </xf>
    <xf numFmtId="49" fontId="7" fillId="2" borderId="4" xfId="4" applyNumberFormat="1" applyFont="1" applyFill="1" applyBorder="1" applyAlignment="1" applyProtection="1">
      <alignment horizontal="center" vertical="center" shrinkToFit="1"/>
      <protection locked="0"/>
    </xf>
    <xf numFmtId="49" fontId="7" fillId="2" borderId="5" xfId="4" applyNumberFormat="1" applyFont="1" applyFill="1" applyBorder="1" applyAlignment="1" applyProtection="1">
      <alignment horizontal="center" vertical="center" shrinkToFit="1"/>
      <protection locked="0"/>
    </xf>
    <xf numFmtId="0" fontId="7" fillId="5" borderId="9" xfId="4" applyFont="1" applyFill="1" applyBorder="1" applyAlignment="1" applyProtection="1">
      <alignment horizontal="center" vertical="center" shrinkToFit="1"/>
      <protection hidden="1"/>
    </xf>
    <xf numFmtId="0" fontId="7" fillId="5" borderId="6" xfId="4" applyFont="1" applyFill="1" applyBorder="1" applyAlignment="1" applyProtection="1">
      <alignment horizontal="center" vertical="center" shrinkToFit="1"/>
      <protection hidden="1"/>
    </xf>
    <xf numFmtId="0" fontId="7" fillId="5" borderId="10" xfId="4" applyFont="1" applyFill="1" applyBorder="1" applyAlignment="1" applyProtection="1">
      <alignment horizontal="center" vertical="center" shrinkToFit="1"/>
      <protection hidden="1"/>
    </xf>
    <xf numFmtId="49" fontId="11" fillId="0" borderId="6" xfId="4" applyNumberFormat="1" applyFont="1" applyBorder="1" applyAlignment="1" applyProtection="1">
      <alignment horizontal="center" vertical="center" shrinkToFit="1"/>
      <protection locked="0"/>
    </xf>
    <xf numFmtId="0" fontId="15" fillId="4" borderId="0" xfId="0" applyFont="1" applyFill="1" applyAlignment="1">
      <alignment horizontal="center" vertical="center"/>
    </xf>
    <xf numFmtId="0" fontId="14" fillId="4" borderId="0" xfId="0" applyFont="1" applyFill="1" applyAlignment="1">
      <alignment horizontal="center" vertical="center" wrapText="1"/>
    </xf>
    <xf numFmtId="0" fontId="14" fillId="4" borderId="0" xfId="0" applyFont="1" applyFill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7" fillId="0" borderId="2" xfId="0" applyFont="1" applyBorder="1" applyAlignment="1">
      <alignment horizontal="right" vertical="center"/>
    </xf>
    <xf numFmtId="0" fontId="17" fillId="0" borderId="3" xfId="0" applyFont="1" applyBorder="1" applyAlignment="1">
      <alignment horizontal="right" vertical="center"/>
    </xf>
    <xf numFmtId="0" fontId="17" fillId="0" borderId="4" xfId="0" applyFont="1" applyBorder="1" applyAlignment="1">
      <alignment horizontal="right" vertical="center"/>
    </xf>
    <xf numFmtId="0" fontId="7" fillId="5" borderId="3" xfId="4" applyFont="1" applyFill="1" applyBorder="1" applyAlignment="1" applyProtection="1">
      <alignment horizontal="center" vertical="center"/>
      <protection hidden="1"/>
    </xf>
    <xf numFmtId="0" fontId="7" fillId="5" borderId="4" xfId="4" applyFont="1" applyFill="1" applyBorder="1" applyAlignment="1" applyProtection="1">
      <alignment horizontal="center" vertical="center"/>
      <protection hidden="1"/>
    </xf>
    <xf numFmtId="0" fontId="7" fillId="5" borderId="5" xfId="4" applyFont="1" applyFill="1" applyBorder="1" applyAlignment="1" applyProtection="1">
      <alignment horizontal="center" vertical="center"/>
      <protection hidden="1"/>
    </xf>
    <xf numFmtId="0" fontId="7" fillId="5" borderId="9" xfId="4" applyFont="1" applyFill="1" applyBorder="1" applyAlignment="1" applyProtection="1">
      <alignment horizontal="center" vertical="center"/>
      <protection hidden="1"/>
    </xf>
    <xf numFmtId="0" fontId="7" fillId="5" borderId="6" xfId="4" applyFont="1" applyFill="1" applyBorder="1" applyAlignment="1" applyProtection="1">
      <alignment horizontal="center" vertical="center"/>
      <protection hidden="1"/>
    </xf>
    <xf numFmtId="0" fontId="7" fillId="5" borderId="10" xfId="4" applyFont="1" applyFill="1" applyBorder="1" applyAlignment="1" applyProtection="1">
      <alignment horizontal="center" vertical="center"/>
      <protection hidden="1"/>
    </xf>
    <xf numFmtId="0" fontId="7" fillId="5" borderId="7" xfId="4" applyFont="1" applyFill="1" applyBorder="1" applyAlignment="1" applyProtection="1">
      <alignment horizontal="center" vertical="center"/>
      <protection hidden="1"/>
    </xf>
    <xf numFmtId="0" fontId="7" fillId="5" borderId="1" xfId="4" applyFont="1" applyFill="1" applyBorder="1" applyAlignment="1" applyProtection="1">
      <alignment horizontal="center" vertical="center"/>
      <protection hidden="1"/>
    </xf>
    <xf numFmtId="0" fontId="7" fillId="5" borderId="8" xfId="4" applyFont="1" applyFill="1" applyBorder="1" applyAlignment="1" applyProtection="1">
      <alignment horizontal="center" vertical="center"/>
      <protection hidden="1"/>
    </xf>
    <xf numFmtId="49" fontId="7" fillId="0" borderId="9" xfId="4" applyNumberFormat="1" applyFont="1" applyBorder="1" applyAlignment="1" applyProtection="1">
      <alignment horizontal="center" vertical="center" shrinkToFit="1"/>
      <protection locked="0"/>
    </xf>
    <xf numFmtId="49" fontId="7" fillId="0" borderId="6" xfId="4" applyNumberFormat="1" applyFont="1" applyBorder="1" applyAlignment="1" applyProtection="1">
      <alignment horizontal="center" vertical="center" shrinkToFit="1"/>
      <protection locked="0"/>
    </xf>
    <xf numFmtId="49" fontId="7" fillId="0" borderId="10" xfId="4" applyNumberFormat="1" applyFont="1" applyBorder="1" applyAlignment="1" applyProtection="1">
      <alignment horizontal="center" vertical="center" shrinkToFit="1"/>
      <protection locked="0"/>
    </xf>
    <xf numFmtId="49" fontId="7" fillId="0" borderId="7" xfId="4" applyNumberFormat="1" applyFont="1" applyBorder="1" applyAlignment="1" applyProtection="1">
      <alignment horizontal="center" vertical="center" shrinkToFit="1"/>
      <protection locked="0"/>
    </xf>
    <xf numFmtId="49" fontId="7" fillId="0" borderId="1" xfId="4" applyNumberFormat="1" applyFont="1" applyBorder="1" applyAlignment="1" applyProtection="1">
      <alignment horizontal="center" vertical="center" shrinkToFit="1"/>
      <protection locked="0"/>
    </xf>
    <xf numFmtId="49" fontId="7" fillId="0" borderId="8" xfId="4" applyNumberFormat="1" applyFont="1" applyBorder="1" applyAlignment="1" applyProtection="1">
      <alignment horizontal="center" vertical="center" shrinkToFit="1"/>
      <protection locked="0"/>
    </xf>
    <xf numFmtId="49" fontId="7" fillId="5" borderId="2" xfId="0" applyNumberFormat="1" applyFont="1" applyFill="1" applyBorder="1" applyAlignment="1">
      <alignment horizontal="center" vertical="center" wrapText="1"/>
    </xf>
    <xf numFmtId="49" fontId="7" fillId="5" borderId="2" xfId="0" applyNumberFormat="1" applyFont="1" applyFill="1" applyBorder="1" applyAlignment="1">
      <alignment horizontal="center" vertical="center"/>
    </xf>
    <xf numFmtId="0" fontId="7" fillId="0" borderId="0" xfId="0" applyFont="1" applyAlignment="1">
      <alignment horizontal="right" vertical="center"/>
    </xf>
    <xf numFmtId="0" fontId="7" fillId="5" borderId="2" xfId="4" applyFont="1" applyFill="1" applyBorder="1" applyAlignment="1" applyProtection="1">
      <alignment horizontal="center" vertical="center" wrapText="1" shrinkToFit="1"/>
      <protection hidden="1"/>
    </xf>
    <xf numFmtId="49" fontId="7" fillId="2" borderId="3" xfId="4" applyNumberFormat="1" applyFont="1" applyFill="1" applyBorder="1" applyAlignment="1" applyProtection="1">
      <alignment horizontal="center" vertical="center" shrinkToFit="1"/>
      <protection locked="0"/>
    </xf>
    <xf numFmtId="49" fontId="18" fillId="5" borderId="2" xfId="0" applyNumberFormat="1" applyFont="1" applyFill="1" applyBorder="1" applyAlignment="1">
      <alignment horizontal="center" vertical="center" wrapText="1"/>
    </xf>
    <xf numFmtId="49" fontId="18" fillId="5" borderId="2" xfId="0" applyNumberFormat="1" applyFont="1" applyFill="1" applyBorder="1" applyAlignment="1">
      <alignment horizontal="center" vertical="center"/>
    </xf>
    <xf numFmtId="0" fontId="7" fillId="5" borderId="3" xfId="0" applyFont="1" applyFill="1" applyBorder="1" applyAlignment="1">
      <alignment horizontal="center" vertical="center"/>
    </xf>
    <xf numFmtId="0" fontId="7" fillId="5" borderId="4" xfId="0" applyFont="1" applyFill="1" applyBorder="1" applyAlignment="1">
      <alignment horizontal="center" vertical="center"/>
    </xf>
    <xf numFmtId="0" fontId="7" fillId="5" borderId="5" xfId="0" applyFont="1" applyFill="1" applyBorder="1" applyAlignment="1">
      <alignment horizontal="center" vertical="center"/>
    </xf>
    <xf numFmtId="0" fontId="7" fillId="5" borderId="2" xfId="4" applyFont="1" applyFill="1" applyBorder="1" applyAlignment="1" applyProtection="1">
      <alignment horizontal="center" vertical="center"/>
      <protection hidden="1"/>
    </xf>
    <xf numFmtId="49" fontId="7" fillId="0" borderId="4" xfId="4" applyNumberFormat="1" applyFont="1" applyBorder="1" applyAlignment="1" applyProtection="1">
      <alignment horizontal="center" vertical="center" shrinkToFit="1"/>
      <protection locked="0"/>
    </xf>
    <xf numFmtId="49" fontId="7" fillId="0" borderId="3" xfId="4" applyNumberFormat="1" applyFont="1" applyBorder="1" applyAlignment="1" applyProtection="1">
      <alignment horizontal="center" vertical="center" shrinkToFit="1"/>
      <protection locked="0"/>
    </xf>
    <xf numFmtId="49" fontId="18" fillId="2" borderId="4" xfId="4" applyNumberFormat="1" applyFont="1" applyFill="1" applyBorder="1" applyAlignment="1" applyProtection="1">
      <alignment horizontal="center" vertical="center" wrapText="1" shrinkToFit="1"/>
      <protection locked="0"/>
    </xf>
    <xf numFmtId="0" fontId="7" fillId="5" borderId="11" xfId="4" applyFont="1" applyFill="1" applyBorder="1" applyAlignment="1" applyProtection="1">
      <alignment horizontal="center" vertical="center"/>
      <protection hidden="1"/>
    </xf>
    <xf numFmtId="0" fontId="7" fillId="5" borderId="12" xfId="4" applyFont="1" applyFill="1" applyBorder="1" applyAlignment="1" applyProtection="1">
      <alignment horizontal="center" vertical="center"/>
      <protection hidden="1"/>
    </xf>
    <xf numFmtId="0" fontId="7" fillId="5" borderId="13" xfId="4" applyFont="1" applyFill="1" applyBorder="1" applyAlignment="1" applyProtection="1">
      <alignment horizontal="center" vertical="center"/>
      <protection hidden="1"/>
    </xf>
    <xf numFmtId="0" fontId="7" fillId="5" borderId="3" xfId="0" applyFont="1" applyFill="1" applyBorder="1" applyAlignment="1">
      <alignment horizontal="center" vertical="center" wrapText="1"/>
    </xf>
    <xf numFmtId="0" fontId="7" fillId="5" borderId="4" xfId="0" applyFont="1" applyFill="1" applyBorder="1" applyAlignment="1">
      <alignment horizontal="center" vertical="center" wrapText="1"/>
    </xf>
    <xf numFmtId="0" fontId="7" fillId="5" borderId="5" xfId="0" applyFont="1" applyFill="1" applyBorder="1" applyAlignment="1">
      <alignment horizontal="center" vertical="center" wrapText="1"/>
    </xf>
    <xf numFmtId="0" fontId="7" fillId="0" borderId="3" xfId="0" applyFont="1" applyBorder="1" applyAlignment="1">
      <alignment vertical="center"/>
    </xf>
    <xf numFmtId="0" fontId="7" fillId="0" borderId="4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7" fillId="5" borderId="2" xfId="4" applyFont="1" applyFill="1" applyBorder="1" applyAlignment="1" applyProtection="1">
      <alignment horizontal="center" vertical="center" shrinkToFit="1"/>
      <protection hidden="1"/>
    </xf>
    <xf numFmtId="49" fontId="7" fillId="0" borderId="3" xfId="4" applyNumberFormat="1" applyFont="1" applyBorder="1" applyAlignment="1" applyProtection="1">
      <alignment vertical="center" shrinkToFit="1"/>
      <protection locked="0"/>
    </xf>
    <xf numFmtId="49" fontId="7" fillId="0" borderId="4" xfId="4" applyNumberFormat="1" applyFont="1" applyBorder="1" applyAlignment="1" applyProtection="1">
      <alignment vertical="center" shrinkToFit="1"/>
      <protection locked="0"/>
    </xf>
    <xf numFmtId="49" fontId="7" fillId="0" borderId="5" xfId="4" applyNumberFormat="1" applyFont="1" applyBorder="1" applyAlignment="1" applyProtection="1">
      <alignment vertical="center" shrinkToFit="1"/>
      <protection locked="0"/>
    </xf>
    <xf numFmtId="49" fontId="7" fillId="0" borderId="3" xfId="4" applyNumberFormat="1" applyFont="1" applyBorder="1" applyAlignment="1" applyProtection="1">
      <alignment horizontal="left" vertical="center" shrinkToFit="1"/>
      <protection locked="0"/>
    </xf>
    <xf numFmtId="49" fontId="7" fillId="0" borderId="4" xfId="4" applyNumberFormat="1" applyFont="1" applyBorder="1" applyAlignment="1" applyProtection="1">
      <alignment horizontal="left" vertical="center" shrinkToFit="1"/>
      <protection locked="0"/>
    </xf>
    <xf numFmtId="49" fontId="7" fillId="0" borderId="5" xfId="4" applyNumberFormat="1" applyFont="1" applyBorder="1" applyAlignment="1" applyProtection="1">
      <alignment horizontal="left" vertical="center" shrinkToFit="1"/>
      <protection locked="0"/>
    </xf>
    <xf numFmtId="0" fontId="17" fillId="0" borderId="3" xfId="0" applyFont="1" applyBorder="1" applyAlignment="1" applyProtection="1">
      <alignment vertical="center" shrinkToFit="1"/>
      <protection locked="0"/>
    </xf>
    <xf numFmtId="0" fontId="17" fillId="0" borderId="4" xfId="0" applyFont="1" applyBorder="1" applyAlignment="1" applyProtection="1">
      <alignment vertical="center" shrinkToFit="1"/>
      <protection locked="0"/>
    </xf>
    <xf numFmtId="0" fontId="17" fillId="0" borderId="5" xfId="0" applyFont="1" applyBorder="1" applyAlignment="1" applyProtection="1">
      <alignment vertical="center" shrinkToFit="1"/>
      <protection locked="0"/>
    </xf>
    <xf numFmtId="49" fontId="7" fillId="0" borderId="9" xfId="4" applyNumberFormat="1" applyFont="1" applyBorder="1" applyAlignment="1" applyProtection="1">
      <alignment horizontal="left" vertical="center" shrinkToFit="1"/>
      <protection locked="0"/>
    </xf>
    <xf numFmtId="49" fontId="7" fillId="0" borderId="6" xfId="4" applyNumberFormat="1" applyFont="1" applyBorder="1" applyAlignment="1" applyProtection="1">
      <alignment horizontal="left" vertical="center" shrinkToFit="1"/>
      <protection locked="0"/>
    </xf>
    <xf numFmtId="49" fontId="7" fillId="0" borderId="10" xfId="4" applyNumberFormat="1" applyFont="1" applyBorder="1" applyAlignment="1" applyProtection="1">
      <alignment horizontal="left" vertical="center" shrinkToFit="1"/>
      <protection locked="0"/>
    </xf>
    <xf numFmtId="49" fontId="7" fillId="5" borderId="9" xfId="4" applyNumberFormat="1" applyFont="1" applyFill="1" applyBorder="1" applyAlignment="1">
      <alignment horizontal="center" vertical="center" shrinkToFit="1"/>
    </xf>
    <xf numFmtId="49" fontId="7" fillId="5" borderId="10" xfId="4" applyNumberFormat="1" applyFont="1" applyFill="1" applyBorder="1" applyAlignment="1">
      <alignment horizontal="center" vertical="center" shrinkToFit="1"/>
    </xf>
    <xf numFmtId="49" fontId="7" fillId="5" borderId="7" xfId="4" applyNumberFormat="1" applyFont="1" applyFill="1" applyBorder="1" applyAlignment="1">
      <alignment horizontal="center" vertical="center" shrinkToFit="1"/>
    </xf>
    <xf numFmtId="49" fontId="7" fillId="5" borderId="8" xfId="4" applyNumberFormat="1" applyFont="1" applyFill="1" applyBorder="1" applyAlignment="1">
      <alignment horizontal="center" vertical="center" shrinkToFit="1"/>
    </xf>
    <xf numFmtId="49" fontId="7" fillId="0" borderId="3" xfId="0" applyNumberFormat="1" applyFont="1" applyBorder="1" applyAlignment="1" applyProtection="1">
      <alignment vertical="center" shrinkToFit="1"/>
      <protection locked="0"/>
    </xf>
    <xf numFmtId="49" fontId="7" fillId="0" borderId="4" xfId="0" applyNumberFormat="1" applyFont="1" applyBorder="1" applyAlignment="1" applyProtection="1">
      <alignment vertical="center" shrinkToFit="1"/>
      <protection locked="0"/>
    </xf>
    <xf numFmtId="49" fontId="7" fillId="0" borderId="5" xfId="0" applyNumberFormat="1" applyFont="1" applyBorder="1" applyAlignment="1" applyProtection="1">
      <alignment vertical="center" shrinkToFit="1"/>
      <protection locked="0"/>
    </xf>
    <xf numFmtId="49" fontId="7" fillId="5" borderId="3" xfId="0" applyNumberFormat="1" applyFont="1" applyFill="1" applyBorder="1" applyAlignment="1">
      <alignment horizontal="center" vertical="center"/>
    </xf>
    <xf numFmtId="49" fontId="7" fillId="5" borderId="4" xfId="0" applyNumberFormat="1" applyFont="1" applyFill="1" applyBorder="1" applyAlignment="1">
      <alignment horizontal="center" vertical="center"/>
    </xf>
    <xf numFmtId="49" fontId="7" fillId="5" borderId="5" xfId="0" applyNumberFormat="1" applyFont="1" applyFill="1" applyBorder="1" applyAlignment="1">
      <alignment horizontal="center" vertical="center"/>
    </xf>
  </cellXfs>
  <cellStyles count="5">
    <cellStyle name="桁区切り 2" xfId="2" xr:uid="{00000000-0005-0000-0000-000000000000}"/>
    <cellStyle name="標準" xfId="0" builtinId="0"/>
    <cellStyle name="標準 2" xfId="3" xr:uid="{00000000-0005-0000-0000-000002000000}"/>
    <cellStyle name="標準 5 5" xfId="1" xr:uid="{00000000-0005-0000-0000-000003000000}"/>
    <cellStyle name="標準 7 2" xfId="4" xr:uid="{00000000-0005-0000-0000-000004000000}"/>
  </cellStyles>
  <dxfs count="10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208\Downloads\R3zeb_koufu_shinsei_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1"/>
      <sheetName val="date2"/>
      <sheetName val="入力シート"/>
      <sheetName val="入力シート２"/>
      <sheetName val="入力シート２_参考資料"/>
      <sheetName val="申請書類一覧"/>
      <sheetName val="チェックシート"/>
      <sheetName val="交付申請書"/>
      <sheetName val="１．申請者の詳細"/>
      <sheetName val="２．事業計画概要①"/>
      <sheetName val="２．事業計画概要②"/>
      <sheetName val="３．システム提案概要(1)"/>
      <sheetName val="３．システム提案概要(2)"/>
      <sheetName val="４-１．概略予算書（まとめ）"/>
      <sheetName val="４-２．概略予算書（未評価技術分） "/>
      <sheetName val="４-３．（全体）"/>
      <sheetName val="４-４．（１年目）"/>
      <sheetName val="４-５．（２年目）"/>
      <sheetName val="４-６．（３年目）"/>
      <sheetName val="R3zeb_koufu_shinsei_2"/>
    </sheetNames>
    <sheetDataSet>
      <sheetData sheetId="0"/>
      <sheetData sheetId="1">
        <row r="4">
          <cell r="E4" t="str">
            <v>建物配置計画</v>
          </cell>
          <cell r="F4" t="str">
            <v>高断熱化</v>
          </cell>
          <cell r="G4" t="str">
            <v>高性能窓ガラス</v>
          </cell>
          <cell r="H4" t="str">
            <v>高性能窓サッシ</v>
          </cell>
          <cell r="I4" t="str">
            <v>日射遮蔽</v>
          </cell>
          <cell r="J4" t="str">
            <v>日射遮熱</v>
          </cell>
          <cell r="K4" t="str">
            <v>自然通風</v>
          </cell>
          <cell r="L4" t="str">
            <v>自然採光</v>
          </cell>
        </row>
        <row r="14">
          <cell r="E14" t="str">
            <v>クラウド化</v>
          </cell>
          <cell r="F14" t="str">
            <v>待機電力カットシステム</v>
          </cell>
        </row>
        <row r="16">
          <cell r="E16" t="str">
            <v>高効率空調機</v>
          </cell>
          <cell r="F16" t="str">
            <v>高効率熱源機</v>
          </cell>
          <cell r="G16" t="str">
            <v>再エネ利用システム</v>
          </cell>
          <cell r="H16" t="str">
            <v>外気利用・抑制システム</v>
          </cell>
          <cell r="I16" t="str">
            <v>流量・温度等可変システム</v>
          </cell>
          <cell r="J16" t="str">
            <v>その他空調機器</v>
          </cell>
          <cell r="K16" t="str">
            <v>その他空調システム</v>
          </cell>
        </row>
        <row r="29">
          <cell r="E29" t="str">
            <v>高効率電動機</v>
          </cell>
          <cell r="F29" t="str">
            <v>DCモータ</v>
          </cell>
          <cell r="G29" t="str">
            <v>インバータファン</v>
          </cell>
        </row>
        <row r="39">
          <cell r="E39" t="str">
            <v>LED照明器具</v>
          </cell>
          <cell r="F39" t="str">
            <v>有機EL照明器具</v>
          </cell>
          <cell r="G39" t="str">
            <v>高輝度誘導灯</v>
          </cell>
        </row>
        <row r="48">
          <cell r="E48" t="str">
            <v>個別方式</v>
          </cell>
          <cell r="F48" t="str">
            <v>中央方式</v>
          </cell>
          <cell r="G48" t="str">
            <v>併用方式</v>
          </cell>
        </row>
        <row r="62">
          <cell r="E62" t="str">
            <v>常用</v>
          </cell>
          <cell r="F62" t="str">
            <v>非常用</v>
          </cell>
          <cell r="G62" t="str">
            <v>人荷用</v>
          </cell>
        </row>
        <row r="70">
          <cell r="E70" t="str">
            <v>第二次トップランナー変圧器</v>
          </cell>
          <cell r="F70" t="str">
            <v>超高効率変圧器</v>
          </cell>
        </row>
        <row r="72">
          <cell r="E72" t="str">
            <v>鉛蓄電池</v>
          </cell>
          <cell r="F72" t="str">
            <v>ＮＡＳ蓄電池</v>
          </cell>
          <cell r="G72" t="str">
            <v>ニッケル水素電池</v>
          </cell>
          <cell r="H72" t="str">
            <v>リチウムイオン電池</v>
          </cell>
        </row>
        <row r="78">
          <cell r="E78" t="str">
            <v>ガスエンジン</v>
          </cell>
          <cell r="F78" t="str">
            <v>ディーゼルエンジン</v>
          </cell>
          <cell r="G78" t="str">
            <v>燃料電池</v>
          </cell>
          <cell r="H78" t="str">
            <v>ガスタービン</v>
          </cell>
        </row>
        <row r="85">
          <cell r="E85" t="str">
            <v>風力発電</v>
          </cell>
          <cell r="F85" t="str">
            <v>水力発電</v>
          </cell>
          <cell r="G85" t="str">
            <v>バイオマス発電</v>
          </cell>
          <cell r="H85" t="str">
            <v>太陽熱収集装置</v>
          </cell>
        </row>
      </sheetData>
      <sheetData sheetId="2">
        <row r="3">
          <cell r="T3">
            <v>0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theme="9" tint="0.59999389629810485"/>
    <pageSetUpPr fitToPage="1"/>
  </sheetPr>
  <dimension ref="A1:CN107"/>
  <sheetViews>
    <sheetView showGridLines="0" tabSelected="1" view="pageBreakPreview" zoomScale="85" zoomScaleNormal="85" zoomScaleSheetLayoutView="85" workbookViewId="0">
      <selection activeCell="AL3" sqref="AL3:AM3"/>
    </sheetView>
  </sheetViews>
  <sheetFormatPr defaultColWidth="2.875" defaultRowHeight="16.5" customHeight="1" x14ac:dyDescent="0.15"/>
  <cols>
    <col min="1" max="1" width="1.875" style="15" customWidth="1"/>
    <col min="2" max="11" width="2.875" style="15"/>
    <col min="12" max="12" width="2.875" style="15" customWidth="1"/>
    <col min="13" max="26" width="2.875" style="15"/>
    <col min="27" max="27" width="2.875" style="23"/>
    <col min="28" max="35" width="2.875" style="15"/>
    <col min="36" max="36" width="2.875" style="15" customWidth="1"/>
    <col min="37" max="38" width="2.875" style="15"/>
    <col min="39" max="39" width="2.875" style="15" customWidth="1"/>
    <col min="40" max="16384" width="2.875" style="15"/>
  </cols>
  <sheetData>
    <row r="1" spans="1:43" ht="16.5" customHeight="1" x14ac:dyDescent="0.15">
      <c r="A1" s="85" t="s">
        <v>39</v>
      </c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85"/>
      <c r="Y1" s="85"/>
      <c r="Z1" s="85"/>
      <c r="AA1" s="85"/>
      <c r="AB1" s="85"/>
      <c r="AC1" s="85"/>
      <c r="AD1" s="85"/>
      <c r="AE1" s="85"/>
      <c r="AF1" s="85"/>
      <c r="AG1" s="85"/>
      <c r="AH1" s="85"/>
      <c r="AI1" s="85"/>
      <c r="AJ1" s="85"/>
      <c r="AK1" s="85"/>
      <c r="AL1" s="85"/>
      <c r="AM1" s="85"/>
      <c r="AN1" s="85"/>
      <c r="AO1" s="85"/>
      <c r="AP1" s="85"/>
      <c r="AQ1" s="85"/>
    </row>
    <row r="2" spans="1:43" ht="3.6" customHeight="1" x14ac:dyDescent="0.15">
      <c r="A2" s="17"/>
      <c r="B2" s="17"/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  <c r="N2" s="17"/>
      <c r="O2" s="17"/>
      <c r="P2" s="17"/>
      <c r="Q2" s="17"/>
      <c r="R2" s="17"/>
      <c r="S2" s="17"/>
      <c r="T2" s="17"/>
      <c r="U2" s="17"/>
      <c r="V2" s="17"/>
      <c r="W2" s="17"/>
      <c r="X2" s="17"/>
      <c r="Y2" s="17"/>
      <c r="Z2" s="17"/>
      <c r="AA2" s="17"/>
      <c r="AB2" s="17"/>
      <c r="AC2" s="17"/>
      <c r="AD2" s="17"/>
      <c r="AE2" s="17"/>
      <c r="AF2" s="17"/>
      <c r="AG2" s="17"/>
      <c r="AH2" s="17"/>
      <c r="AI2" s="17"/>
      <c r="AJ2" s="17"/>
      <c r="AK2" s="17"/>
      <c r="AL2" s="17"/>
      <c r="AM2" s="17"/>
      <c r="AN2" s="17"/>
      <c r="AO2" s="17"/>
      <c r="AP2" s="17"/>
      <c r="AQ2" s="17"/>
    </row>
    <row r="3" spans="1:43" ht="27" customHeight="1" x14ac:dyDescent="0.15">
      <c r="A3" s="14"/>
      <c r="B3" s="61" t="s">
        <v>47</v>
      </c>
      <c r="C3" s="61"/>
      <c r="D3" s="61"/>
      <c r="E3" s="61"/>
      <c r="F3" s="61"/>
      <c r="G3" s="61"/>
      <c r="H3" s="14"/>
      <c r="I3" s="14"/>
      <c r="J3" s="14"/>
      <c r="K3" s="14"/>
      <c r="L3" s="14"/>
      <c r="M3" s="14"/>
      <c r="N3" s="14"/>
      <c r="O3" s="14"/>
      <c r="P3" s="14"/>
      <c r="Q3" s="14"/>
      <c r="R3" s="14"/>
      <c r="S3" s="14"/>
      <c r="T3" s="14"/>
      <c r="U3" s="14"/>
      <c r="V3" s="14"/>
      <c r="W3" s="14"/>
      <c r="X3" s="14"/>
      <c r="Y3" s="14"/>
      <c r="Z3" s="14"/>
      <c r="AA3" s="14"/>
      <c r="AB3" s="14"/>
      <c r="AC3" s="14"/>
      <c r="AD3" s="65" t="s">
        <v>22</v>
      </c>
      <c r="AE3" s="65"/>
      <c r="AF3" s="65"/>
      <c r="AG3" s="66" t="s">
        <v>18</v>
      </c>
      <c r="AH3" s="67"/>
      <c r="AI3" s="46">
        <v>5</v>
      </c>
      <c r="AJ3" s="46"/>
      <c r="AK3" s="33" t="s">
        <v>21</v>
      </c>
      <c r="AL3" s="47"/>
      <c r="AM3" s="47"/>
      <c r="AN3" s="33" t="s">
        <v>20</v>
      </c>
      <c r="AO3" s="47"/>
      <c r="AP3" s="47"/>
      <c r="AQ3" s="34" t="s">
        <v>19</v>
      </c>
    </row>
    <row r="4" spans="1:43" ht="16.149999999999999" customHeight="1" x14ac:dyDescent="0.15">
      <c r="A4" s="14"/>
      <c r="C4" s="14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4"/>
      <c r="P4" s="14"/>
      <c r="Q4" s="14"/>
      <c r="R4" s="14"/>
      <c r="S4" s="14"/>
      <c r="T4" s="14"/>
      <c r="U4" s="14"/>
      <c r="V4" s="14"/>
      <c r="W4" s="14"/>
      <c r="X4" s="14"/>
      <c r="Y4" s="14"/>
      <c r="Z4" s="14"/>
      <c r="AA4" s="14"/>
      <c r="AB4" s="14"/>
      <c r="AC4" s="14"/>
      <c r="AD4" s="14"/>
      <c r="AE4" s="14"/>
      <c r="AF4" s="14"/>
      <c r="AG4" s="14"/>
      <c r="AH4" s="14"/>
      <c r="AI4" s="14"/>
      <c r="AJ4" s="14"/>
      <c r="AK4" s="14"/>
      <c r="AL4" s="14"/>
      <c r="AM4" s="14"/>
      <c r="AN4" s="14"/>
      <c r="AO4" s="14"/>
      <c r="AP4" s="14"/>
      <c r="AQ4" s="14"/>
    </row>
    <row r="5" spans="1:43" ht="16.5" customHeight="1" x14ac:dyDescent="0.15">
      <c r="A5" s="14"/>
      <c r="B5" s="15" t="s">
        <v>16</v>
      </c>
      <c r="C5" s="14"/>
      <c r="D5" s="14"/>
      <c r="E5" s="14"/>
      <c r="F5" s="14"/>
      <c r="G5" s="14"/>
      <c r="H5" s="14"/>
      <c r="I5" s="14"/>
      <c r="J5" s="14"/>
      <c r="K5" s="14"/>
      <c r="L5" s="14"/>
      <c r="M5" s="14"/>
      <c r="N5" s="14"/>
      <c r="O5" s="14"/>
      <c r="P5" s="14"/>
      <c r="Q5" s="14"/>
      <c r="R5" s="14"/>
      <c r="S5" s="14"/>
      <c r="T5" s="14"/>
      <c r="U5" s="14"/>
      <c r="V5" s="14"/>
      <c r="W5" s="14"/>
      <c r="X5" s="14"/>
      <c r="Y5" s="14"/>
      <c r="Z5" s="14"/>
      <c r="AA5" s="14"/>
      <c r="AB5" s="14"/>
      <c r="AC5" s="14"/>
      <c r="AD5" s="14"/>
      <c r="AE5" s="14"/>
      <c r="AF5" s="14"/>
      <c r="AG5" s="14"/>
      <c r="AH5" s="14"/>
      <c r="AI5" s="14"/>
      <c r="AJ5" s="14"/>
      <c r="AK5" s="14"/>
      <c r="AL5" s="14"/>
      <c r="AM5" s="14"/>
      <c r="AN5" s="14"/>
      <c r="AO5" s="14"/>
      <c r="AP5" s="14"/>
      <c r="AQ5" s="14"/>
    </row>
    <row r="6" spans="1:43" ht="16.5" customHeight="1" x14ac:dyDescent="0.15">
      <c r="A6" s="14"/>
      <c r="B6" s="15" t="s">
        <v>17</v>
      </c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  <c r="Q6" s="14"/>
      <c r="R6" s="14"/>
      <c r="S6" s="14"/>
      <c r="T6" s="14"/>
      <c r="U6" s="14"/>
      <c r="V6" s="14"/>
      <c r="W6" s="14"/>
      <c r="X6" s="14"/>
      <c r="Y6" s="14"/>
      <c r="Z6" s="14"/>
      <c r="AA6" s="14"/>
      <c r="AB6" s="14"/>
      <c r="AC6" s="14"/>
      <c r="AD6" s="14"/>
      <c r="AE6" s="14"/>
      <c r="AF6" s="14"/>
      <c r="AG6" s="14"/>
      <c r="AH6" s="14"/>
      <c r="AI6" s="14"/>
      <c r="AJ6" s="14"/>
      <c r="AK6" s="14"/>
      <c r="AL6" s="14"/>
      <c r="AM6" s="14"/>
      <c r="AN6" s="14"/>
      <c r="AO6" s="14"/>
      <c r="AP6" s="14"/>
      <c r="AQ6" s="14"/>
    </row>
    <row r="7" spans="1:43" ht="16.5" customHeight="1" x14ac:dyDescent="0.15">
      <c r="A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  <c r="O7" s="14"/>
      <c r="P7" s="14"/>
      <c r="Q7" s="14"/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  <c r="AF7" s="14"/>
      <c r="AG7" s="14"/>
      <c r="AH7" s="14"/>
      <c r="AI7" s="14"/>
      <c r="AJ7" s="14"/>
      <c r="AK7" s="14"/>
      <c r="AL7" s="14"/>
      <c r="AM7" s="14"/>
      <c r="AN7" s="14"/>
      <c r="AO7" s="14"/>
      <c r="AP7" s="14"/>
      <c r="AQ7" s="14"/>
    </row>
    <row r="8" spans="1:43" ht="19.899999999999999" customHeight="1" x14ac:dyDescent="0.15">
      <c r="A8" s="14"/>
      <c r="B8" s="62" t="s">
        <v>40</v>
      </c>
      <c r="C8" s="63"/>
      <c r="D8" s="63"/>
      <c r="E8" s="63"/>
      <c r="F8" s="63"/>
      <c r="G8" s="63"/>
      <c r="H8" s="63"/>
      <c r="I8" s="63"/>
      <c r="J8" s="63"/>
      <c r="K8" s="63"/>
      <c r="L8" s="63"/>
      <c r="M8" s="63"/>
      <c r="N8" s="63"/>
      <c r="O8" s="63"/>
      <c r="P8" s="63"/>
      <c r="Q8" s="63"/>
      <c r="R8" s="63"/>
      <c r="S8" s="63"/>
      <c r="T8" s="63"/>
      <c r="U8" s="63"/>
      <c r="V8" s="63"/>
      <c r="W8" s="63"/>
      <c r="X8" s="63"/>
      <c r="Y8" s="63"/>
      <c r="Z8" s="63"/>
      <c r="AA8" s="63"/>
      <c r="AB8" s="63"/>
      <c r="AC8" s="63"/>
      <c r="AD8" s="63"/>
      <c r="AE8" s="63"/>
      <c r="AF8" s="63"/>
      <c r="AG8" s="63"/>
      <c r="AH8" s="63"/>
      <c r="AI8" s="63"/>
      <c r="AJ8" s="63"/>
      <c r="AK8" s="63"/>
      <c r="AL8" s="63"/>
      <c r="AM8" s="63"/>
      <c r="AN8" s="63"/>
      <c r="AO8" s="63"/>
      <c r="AP8" s="63"/>
      <c r="AQ8" s="63"/>
    </row>
    <row r="9" spans="1:43" ht="19.899999999999999" customHeight="1" x14ac:dyDescent="0.15">
      <c r="A9" s="14"/>
      <c r="B9" s="63" t="s">
        <v>23</v>
      </c>
      <c r="C9" s="63"/>
      <c r="D9" s="63"/>
      <c r="E9" s="63"/>
      <c r="F9" s="63"/>
      <c r="G9" s="63"/>
      <c r="H9" s="63"/>
      <c r="I9" s="63"/>
      <c r="J9" s="63"/>
      <c r="K9" s="63"/>
      <c r="L9" s="63"/>
      <c r="M9" s="63"/>
      <c r="N9" s="63"/>
      <c r="O9" s="63"/>
      <c r="P9" s="63"/>
      <c r="Q9" s="63"/>
      <c r="R9" s="63"/>
      <c r="S9" s="63"/>
      <c r="T9" s="63"/>
      <c r="U9" s="63"/>
      <c r="V9" s="63"/>
      <c r="W9" s="63"/>
      <c r="X9" s="63"/>
      <c r="Y9" s="63"/>
      <c r="Z9" s="63"/>
      <c r="AA9" s="63"/>
      <c r="AB9" s="63"/>
      <c r="AC9" s="63"/>
      <c r="AD9" s="63"/>
      <c r="AE9" s="63"/>
      <c r="AF9" s="63"/>
      <c r="AG9" s="63"/>
      <c r="AH9" s="63"/>
      <c r="AI9" s="63"/>
      <c r="AJ9" s="63"/>
      <c r="AK9" s="63"/>
      <c r="AL9" s="63"/>
      <c r="AM9" s="63"/>
      <c r="AN9" s="63"/>
      <c r="AO9" s="63"/>
      <c r="AP9" s="63"/>
      <c r="AQ9" s="63"/>
    </row>
    <row r="10" spans="1:43" ht="6" customHeight="1" x14ac:dyDescent="0.15">
      <c r="A10" s="14"/>
      <c r="B10" s="16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6"/>
      <c r="AA10" s="16"/>
      <c r="AB10" s="16"/>
      <c r="AC10" s="16"/>
      <c r="AD10" s="16"/>
      <c r="AE10" s="16"/>
      <c r="AF10" s="16"/>
      <c r="AG10" s="16"/>
      <c r="AH10" s="16"/>
      <c r="AI10" s="16"/>
      <c r="AJ10" s="16"/>
      <c r="AK10" s="16"/>
      <c r="AL10" s="16"/>
      <c r="AM10" s="16"/>
      <c r="AN10" s="16"/>
      <c r="AO10" s="16"/>
      <c r="AP10" s="16"/>
      <c r="AQ10" s="16"/>
    </row>
    <row r="11" spans="1:43" ht="28.9" customHeight="1" x14ac:dyDescent="0.15">
      <c r="B11" s="64" t="s">
        <v>41</v>
      </c>
      <c r="C11" s="64"/>
      <c r="D11" s="64"/>
      <c r="E11" s="64"/>
      <c r="F11" s="64"/>
      <c r="G11" s="64"/>
      <c r="H11" s="64"/>
      <c r="I11" s="64"/>
      <c r="J11" s="64"/>
      <c r="K11" s="64"/>
      <c r="L11" s="64"/>
      <c r="M11" s="64"/>
      <c r="N11" s="64"/>
      <c r="O11" s="64"/>
      <c r="P11" s="64"/>
      <c r="Q11" s="64"/>
      <c r="R11" s="64"/>
      <c r="S11" s="64"/>
      <c r="T11" s="64"/>
      <c r="U11" s="64"/>
      <c r="V11" s="64"/>
      <c r="W11" s="64"/>
      <c r="X11" s="64"/>
      <c r="Y11" s="64"/>
      <c r="Z11" s="64"/>
      <c r="AA11" s="64"/>
      <c r="AB11" s="64"/>
      <c r="AC11" s="64"/>
      <c r="AD11" s="64"/>
      <c r="AE11" s="64"/>
      <c r="AF11" s="64"/>
      <c r="AG11" s="64"/>
      <c r="AH11" s="64"/>
      <c r="AI11" s="64"/>
      <c r="AJ11" s="64"/>
      <c r="AK11" s="64"/>
      <c r="AL11" s="64"/>
      <c r="AM11" s="64"/>
      <c r="AN11" s="64"/>
      <c r="AO11" s="64"/>
      <c r="AP11" s="64"/>
      <c r="AQ11" s="64"/>
    </row>
    <row r="12" spans="1:43" ht="8.4499999999999993" customHeight="1" x14ac:dyDescent="0.15">
      <c r="B12" s="18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18"/>
      <c r="AA12" s="18"/>
      <c r="AB12" s="18"/>
      <c r="AC12" s="18"/>
      <c r="AD12" s="18"/>
      <c r="AE12" s="18"/>
      <c r="AF12" s="18"/>
      <c r="AG12" s="18"/>
      <c r="AH12" s="18"/>
      <c r="AI12" s="18"/>
      <c r="AJ12" s="18"/>
      <c r="AK12" s="18"/>
      <c r="AL12" s="18"/>
      <c r="AM12" s="18"/>
      <c r="AN12" s="18"/>
      <c r="AO12" s="18"/>
      <c r="AP12" s="18"/>
      <c r="AQ12" s="18"/>
    </row>
    <row r="13" spans="1:43" ht="8.4499999999999993" customHeight="1" x14ac:dyDescent="0.15">
      <c r="AA13" s="15"/>
    </row>
    <row r="14" spans="1:43" ht="16.149999999999999" customHeight="1" x14ac:dyDescent="0.15">
      <c r="B14" s="32" t="s">
        <v>24</v>
      </c>
      <c r="AA14" s="15"/>
    </row>
    <row r="15" spans="1:43" ht="18.75" x14ac:dyDescent="0.15">
      <c r="B15" s="24" t="s">
        <v>35</v>
      </c>
      <c r="E15" s="2"/>
      <c r="F15" s="2"/>
      <c r="G15" s="2"/>
      <c r="H15" s="2"/>
      <c r="I15" s="3"/>
      <c r="J15" s="3"/>
      <c r="K15" s="2"/>
      <c r="L15" s="2"/>
      <c r="AA15" s="15"/>
    </row>
    <row r="16" spans="1:43" ht="22.15" customHeight="1" x14ac:dyDescent="0.15">
      <c r="B16" s="83" t="s">
        <v>25</v>
      </c>
      <c r="C16" s="84"/>
      <c r="D16" s="84"/>
      <c r="E16" s="84"/>
      <c r="F16" s="84"/>
      <c r="G16" s="42"/>
      <c r="H16" s="43"/>
      <c r="I16" s="43"/>
      <c r="J16" s="43"/>
      <c r="K16" s="43"/>
      <c r="L16" s="43"/>
      <c r="M16" s="43"/>
      <c r="N16" s="43"/>
      <c r="O16" s="43"/>
      <c r="P16" s="43"/>
      <c r="Q16" s="43"/>
      <c r="R16" s="43"/>
      <c r="S16" s="43"/>
      <c r="T16" s="43"/>
      <c r="U16" s="43"/>
      <c r="V16" s="44"/>
      <c r="W16" s="100" t="s">
        <v>27</v>
      </c>
      <c r="X16" s="101"/>
      <c r="Y16" s="101"/>
      <c r="Z16" s="101"/>
      <c r="AA16" s="102"/>
      <c r="AB16" s="123"/>
      <c r="AC16" s="124"/>
      <c r="AD16" s="124"/>
      <c r="AE16" s="124"/>
      <c r="AF16" s="124"/>
      <c r="AG16" s="124"/>
      <c r="AH16" s="124"/>
      <c r="AI16" s="124"/>
      <c r="AJ16" s="124"/>
      <c r="AK16" s="124"/>
      <c r="AL16" s="124"/>
      <c r="AM16" s="124"/>
      <c r="AN16" s="124"/>
      <c r="AO16" s="124"/>
      <c r="AP16" s="124"/>
      <c r="AQ16" s="125"/>
    </row>
    <row r="17" spans="1:43" ht="28.15" customHeight="1" x14ac:dyDescent="0.15">
      <c r="B17" s="84" t="s">
        <v>26</v>
      </c>
      <c r="C17" s="84"/>
      <c r="D17" s="84"/>
      <c r="E17" s="84"/>
      <c r="F17" s="84"/>
      <c r="G17" s="113"/>
      <c r="H17" s="114"/>
      <c r="I17" s="114"/>
      <c r="J17" s="114"/>
      <c r="K17" s="114"/>
      <c r="L17" s="114"/>
      <c r="M17" s="114"/>
      <c r="N17" s="114"/>
      <c r="O17" s="114"/>
      <c r="P17" s="114"/>
      <c r="Q17" s="114"/>
      <c r="R17" s="114"/>
      <c r="S17" s="114"/>
      <c r="T17" s="114"/>
      <c r="U17" s="114"/>
      <c r="V17" s="115"/>
      <c r="W17" s="90" t="s">
        <v>1</v>
      </c>
      <c r="X17" s="91"/>
      <c r="Y17" s="91"/>
      <c r="Z17" s="91"/>
      <c r="AA17" s="92"/>
      <c r="AB17" s="26" t="s">
        <v>11</v>
      </c>
      <c r="AC17" s="60"/>
      <c r="AD17" s="60"/>
      <c r="AE17" s="60"/>
      <c r="AF17" s="60"/>
      <c r="AG17" s="27" t="s">
        <v>12</v>
      </c>
      <c r="AH17" s="60"/>
      <c r="AI17" s="60"/>
      <c r="AJ17" s="60"/>
      <c r="AK17" s="60"/>
      <c r="AL17" s="28" t="s">
        <v>8</v>
      </c>
      <c r="AM17" s="60"/>
      <c r="AN17" s="60"/>
      <c r="AO17" s="60"/>
      <c r="AP17" s="60"/>
      <c r="AQ17" s="29"/>
    </row>
    <row r="18" spans="1:43" s="20" customFormat="1" ht="28.15" customHeight="1" x14ac:dyDescent="0.15">
      <c r="A18" s="5"/>
      <c r="B18" s="93" t="s">
        <v>15</v>
      </c>
      <c r="C18" s="93"/>
      <c r="D18" s="93"/>
      <c r="E18" s="93"/>
      <c r="F18" s="93"/>
      <c r="G18" s="30" t="s">
        <v>0</v>
      </c>
      <c r="H18" s="94"/>
      <c r="I18" s="94"/>
      <c r="J18" s="94"/>
      <c r="K18" s="31" t="s">
        <v>8</v>
      </c>
      <c r="L18" s="60"/>
      <c r="M18" s="60"/>
      <c r="N18" s="60"/>
      <c r="O18" s="60"/>
      <c r="P18" s="95"/>
      <c r="Q18" s="94"/>
      <c r="R18" s="94"/>
      <c r="S18" s="94"/>
      <c r="T18" s="94"/>
      <c r="U18" s="94"/>
      <c r="V18" s="94"/>
      <c r="W18" s="94"/>
      <c r="X18" s="94"/>
      <c r="Y18" s="94"/>
      <c r="Z18" s="96" t="s">
        <v>9</v>
      </c>
      <c r="AA18" s="96"/>
      <c r="AB18" s="94"/>
      <c r="AC18" s="94"/>
      <c r="AD18" s="94"/>
      <c r="AE18" s="94"/>
      <c r="AF18" s="94"/>
      <c r="AG18" s="94"/>
      <c r="AH18" s="94"/>
      <c r="AI18" s="94"/>
      <c r="AJ18" s="94"/>
      <c r="AK18" s="94"/>
      <c r="AL18" s="94"/>
      <c r="AM18" s="94"/>
      <c r="AN18" s="94"/>
      <c r="AO18" s="96" t="s">
        <v>10</v>
      </c>
      <c r="AP18" s="96"/>
      <c r="AQ18" s="21"/>
    </row>
    <row r="19" spans="1:43" s="20" customFormat="1" ht="28.15" customHeight="1" x14ac:dyDescent="0.15">
      <c r="A19" s="5"/>
      <c r="B19" s="93"/>
      <c r="C19" s="93"/>
      <c r="D19" s="93"/>
      <c r="E19" s="93"/>
      <c r="F19" s="93"/>
      <c r="G19" s="116"/>
      <c r="H19" s="117"/>
      <c r="I19" s="117"/>
      <c r="J19" s="117"/>
      <c r="K19" s="117"/>
      <c r="L19" s="117"/>
      <c r="M19" s="117"/>
      <c r="N19" s="117"/>
      <c r="O19" s="117"/>
      <c r="P19" s="117"/>
      <c r="Q19" s="117"/>
      <c r="R19" s="117"/>
      <c r="S19" s="117"/>
      <c r="T19" s="117"/>
      <c r="U19" s="117"/>
      <c r="V19" s="117"/>
      <c r="W19" s="117"/>
      <c r="X19" s="117"/>
      <c r="Y19" s="117"/>
      <c r="Z19" s="117"/>
      <c r="AA19" s="117"/>
      <c r="AB19" s="117"/>
      <c r="AC19" s="117"/>
      <c r="AD19" s="117"/>
      <c r="AE19" s="117"/>
      <c r="AF19" s="117"/>
      <c r="AG19" s="117"/>
      <c r="AH19" s="117"/>
      <c r="AI19" s="117"/>
      <c r="AJ19" s="117"/>
      <c r="AK19" s="117"/>
      <c r="AL19" s="117"/>
      <c r="AM19" s="117"/>
      <c r="AN19" s="117"/>
      <c r="AO19" s="117"/>
      <c r="AP19" s="117"/>
      <c r="AQ19" s="118"/>
    </row>
    <row r="20" spans="1:43" s="20" customFormat="1" ht="22.15" customHeight="1" x14ac:dyDescent="0.15">
      <c r="A20" s="5"/>
      <c r="B20" s="126" t="s">
        <v>25</v>
      </c>
      <c r="C20" s="127"/>
      <c r="D20" s="127"/>
      <c r="E20" s="127"/>
      <c r="F20" s="128"/>
      <c r="G20" s="42"/>
      <c r="H20" s="43"/>
      <c r="I20" s="43"/>
      <c r="J20" s="43"/>
      <c r="K20" s="43"/>
      <c r="L20" s="43"/>
      <c r="M20" s="43"/>
      <c r="N20" s="43"/>
      <c r="O20" s="43"/>
      <c r="P20" s="43"/>
      <c r="Q20" s="43"/>
      <c r="R20" s="43"/>
      <c r="S20" s="43"/>
      <c r="T20" s="43"/>
      <c r="U20" s="43"/>
      <c r="V20" s="44"/>
      <c r="W20" s="97"/>
      <c r="X20" s="98"/>
      <c r="Y20" s="98"/>
      <c r="Z20" s="98"/>
      <c r="AA20" s="98"/>
      <c r="AB20" s="98"/>
      <c r="AC20" s="98"/>
      <c r="AD20" s="98"/>
      <c r="AE20" s="98"/>
      <c r="AF20" s="98"/>
      <c r="AG20" s="98"/>
      <c r="AH20" s="98"/>
      <c r="AI20" s="98"/>
      <c r="AJ20" s="98"/>
      <c r="AK20" s="98"/>
      <c r="AL20" s="98"/>
      <c r="AM20" s="98"/>
      <c r="AN20" s="98"/>
      <c r="AO20" s="98"/>
      <c r="AP20" s="98"/>
      <c r="AQ20" s="99"/>
    </row>
    <row r="21" spans="1:43" ht="22.15" customHeight="1" x14ac:dyDescent="0.15">
      <c r="B21" s="84" t="s">
        <v>28</v>
      </c>
      <c r="C21" s="84"/>
      <c r="D21" s="84"/>
      <c r="E21" s="84"/>
      <c r="F21" s="84"/>
      <c r="G21" s="42"/>
      <c r="H21" s="43"/>
      <c r="I21" s="43"/>
      <c r="J21" s="43"/>
      <c r="K21" s="43"/>
      <c r="L21" s="43"/>
      <c r="M21" s="43"/>
      <c r="N21" s="43"/>
      <c r="O21" s="43"/>
      <c r="P21" s="43"/>
      <c r="Q21" s="43"/>
      <c r="R21" s="43"/>
      <c r="S21" s="43"/>
      <c r="T21" s="43"/>
      <c r="U21" s="43"/>
      <c r="V21" s="44"/>
      <c r="W21" s="90" t="s">
        <v>29</v>
      </c>
      <c r="X21" s="91"/>
      <c r="Y21" s="91"/>
      <c r="Z21" s="91"/>
      <c r="AA21" s="92"/>
      <c r="AB21" s="42"/>
      <c r="AC21" s="43"/>
      <c r="AD21" s="43"/>
      <c r="AE21" s="43"/>
      <c r="AF21" s="43"/>
      <c r="AG21" s="43"/>
      <c r="AH21" s="43"/>
      <c r="AI21" s="43"/>
      <c r="AJ21" s="43"/>
      <c r="AK21" s="43"/>
      <c r="AL21" s="43"/>
      <c r="AM21" s="43"/>
      <c r="AN21" s="43"/>
      <c r="AO21" s="43"/>
      <c r="AP21" s="43"/>
      <c r="AQ21" s="44"/>
    </row>
    <row r="22" spans="1:43" ht="4.9000000000000004" customHeight="1" x14ac:dyDescent="0.15">
      <c r="B22" s="25"/>
      <c r="C22" s="25"/>
      <c r="D22" s="25"/>
      <c r="E22" s="25"/>
      <c r="F22" s="25"/>
      <c r="G22" s="2"/>
      <c r="H22" s="2"/>
      <c r="I22" s="3"/>
      <c r="J22" s="3"/>
      <c r="K22" s="2"/>
      <c r="L22" s="2"/>
      <c r="W22" s="14"/>
      <c r="X22" s="14"/>
      <c r="Y22" s="14"/>
      <c r="Z22" s="14"/>
      <c r="AA22" s="14"/>
    </row>
    <row r="23" spans="1:43" ht="18" customHeight="1" x14ac:dyDescent="0.15">
      <c r="B23" s="4" t="s">
        <v>30</v>
      </c>
      <c r="E23" s="2"/>
      <c r="F23" s="2"/>
      <c r="G23" s="2"/>
      <c r="H23" s="2"/>
      <c r="I23" s="3"/>
      <c r="J23" s="3"/>
      <c r="K23" s="2"/>
      <c r="L23" s="2"/>
      <c r="AA23" s="15"/>
    </row>
    <row r="24" spans="1:43" ht="22.15" customHeight="1" x14ac:dyDescent="0.15">
      <c r="B24" s="88" t="s">
        <v>31</v>
      </c>
      <c r="C24" s="89"/>
      <c r="D24" s="89"/>
      <c r="E24" s="89"/>
      <c r="F24" s="89"/>
      <c r="G24" s="42"/>
      <c r="H24" s="43"/>
      <c r="I24" s="43"/>
      <c r="J24" s="43"/>
      <c r="K24" s="43"/>
      <c r="L24" s="43"/>
      <c r="M24" s="43"/>
      <c r="N24" s="43"/>
      <c r="O24" s="43"/>
      <c r="P24" s="43"/>
      <c r="Q24" s="43"/>
      <c r="R24" s="43"/>
      <c r="S24" s="43"/>
      <c r="T24" s="43"/>
      <c r="U24" s="43"/>
      <c r="V24" s="44"/>
      <c r="W24" s="90" t="s">
        <v>32</v>
      </c>
      <c r="X24" s="91"/>
      <c r="Y24" s="91"/>
      <c r="Z24" s="91"/>
      <c r="AA24" s="92"/>
      <c r="AB24" s="103" t="s">
        <v>34</v>
      </c>
      <c r="AC24" s="104"/>
      <c r="AD24" s="104"/>
      <c r="AE24" s="104"/>
      <c r="AF24" s="104"/>
      <c r="AG24" s="104"/>
      <c r="AH24" s="104"/>
      <c r="AI24" s="104"/>
      <c r="AJ24" s="104"/>
      <c r="AK24" s="104"/>
      <c r="AL24" s="104"/>
      <c r="AM24" s="104"/>
      <c r="AN24" s="104"/>
      <c r="AO24" s="104"/>
      <c r="AP24" s="104"/>
      <c r="AQ24" s="105"/>
    </row>
    <row r="25" spans="1:43" ht="4.9000000000000004" customHeight="1" x14ac:dyDescent="0.15">
      <c r="B25" s="4"/>
      <c r="E25" s="2"/>
      <c r="F25" s="2"/>
      <c r="G25" s="2"/>
      <c r="H25" s="2"/>
      <c r="I25" s="3"/>
      <c r="J25" s="3"/>
      <c r="K25" s="2"/>
      <c r="L25" s="2"/>
      <c r="AA25" s="15"/>
    </row>
    <row r="26" spans="1:43" ht="18" customHeight="1" x14ac:dyDescent="0.15">
      <c r="B26" s="4" t="s">
        <v>33</v>
      </c>
      <c r="E26" s="2"/>
      <c r="F26" s="2"/>
      <c r="G26" s="2"/>
      <c r="H26" s="2"/>
      <c r="I26" s="3"/>
      <c r="J26" s="3"/>
      <c r="K26" s="2"/>
      <c r="L26" s="2"/>
      <c r="AA26" s="15"/>
    </row>
    <row r="27" spans="1:43" s="20" customFormat="1" ht="22.15" customHeight="1" x14ac:dyDescent="0.15">
      <c r="A27" s="19"/>
      <c r="B27" s="68" t="s">
        <v>2</v>
      </c>
      <c r="C27" s="69"/>
      <c r="D27" s="69"/>
      <c r="E27" s="69"/>
      <c r="F27" s="70"/>
      <c r="G27" s="42"/>
      <c r="H27" s="43"/>
      <c r="I27" s="43"/>
      <c r="J27" s="43"/>
      <c r="K27" s="43"/>
      <c r="L27" s="43"/>
      <c r="M27" s="43"/>
      <c r="N27" s="43"/>
      <c r="O27" s="43"/>
      <c r="P27" s="43"/>
      <c r="Q27" s="43"/>
      <c r="R27" s="43"/>
      <c r="S27" s="43"/>
      <c r="T27" s="43"/>
      <c r="U27" s="43"/>
      <c r="V27" s="44"/>
      <c r="W27" s="97"/>
      <c r="X27" s="98"/>
      <c r="Y27" s="98"/>
      <c r="Z27" s="98"/>
      <c r="AA27" s="98"/>
      <c r="AB27" s="98"/>
      <c r="AC27" s="98"/>
      <c r="AD27" s="98"/>
      <c r="AE27" s="98"/>
      <c r="AF27" s="98"/>
      <c r="AG27" s="98"/>
      <c r="AH27" s="98"/>
      <c r="AI27" s="98"/>
      <c r="AJ27" s="98"/>
      <c r="AK27" s="98"/>
      <c r="AL27" s="98"/>
      <c r="AM27" s="98"/>
      <c r="AN27" s="98"/>
      <c r="AO27" s="98"/>
      <c r="AP27" s="98"/>
      <c r="AQ27" s="99"/>
    </row>
    <row r="28" spans="1:43" s="20" customFormat="1" ht="16.5" customHeight="1" x14ac:dyDescent="0.15">
      <c r="A28" s="19"/>
      <c r="B28" s="71" t="s">
        <v>3</v>
      </c>
      <c r="C28" s="72"/>
      <c r="D28" s="72"/>
      <c r="E28" s="72"/>
      <c r="F28" s="73"/>
      <c r="G28" s="77"/>
      <c r="H28" s="78"/>
      <c r="I28" s="78"/>
      <c r="J28" s="78"/>
      <c r="K28" s="78"/>
      <c r="L28" s="78"/>
      <c r="M28" s="78"/>
      <c r="N28" s="78"/>
      <c r="O28" s="79"/>
      <c r="P28" s="119" t="s">
        <v>4</v>
      </c>
      <c r="Q28" s="120"/>
      <c r="R28" s="48"/>
      <c r="S28" s="49"/>
      <c r="T28" s="49"/>
      <c r="U28" s="49"/>
      <c r="V28" s="50"/>
      <c r="W28" s="93" t="s">
        <v>5</v>
      </c>
      <c r="X28" s="93"/>
      <c r="Y28" s="93"/>
      <c r="Z28" s="93"/>
      <c r="AA28" s="93"/>
      <c r="AB28" s="107"/>
      <c r="AC28" s="108"/>
      <c r="AD28" s="108"/>
      <c r="AE28" s="108"/>
      <c r="AF28" s="108"/>
      <c r="AG28" s="108"/>
      <c r="AH28" s="108"/>
      <c r="AI28" s="108"/>
      <c r="AJ28" s="108"/>
      <c r="AK28" s="108"/>
      <c r="AL28" s="108"/>
      <c r="AM28" s="108"/>
      <c r="AN28" s="108"/>
      <c r="AO28" s="108"/>
      <c r="AP28" s="108"/>
      <c r="AQ28" s="109"/>
    </row>
    <row r="29" spans="1:43" s="20" customFormat="1" ht="22.15" customHeight="1" x14ac:dyDescent="0.15">
      <c r="A29" s="5"/>
      <c r="B29" s="74"/>
      <c r="C29" s="75"/>
      <c r="D29" s="75"/>
      <c r="E29" s="75"/>
      <c r="F29" s="76"/>
      <c r="G29" s="80"/>
      <c r="H29" s="81"/>
      <c r="I29" s="81"/>
      <c r="J29" s="81"/>
      <c r="K29" s="81"/>
      <c r="L29" s="81"/>
      <c r="M29" s="81"/>
      <c r="N29" s="81"/>
      <c r="O29" s="82"/>
      <c r="P29" s="121"/>
      <c r="Q29" s="122"/>
      <c r="R29" s="51"/>
      <c r="S29" s="52"/>
      <c r="T29" s="52"/>
      <c r="U29" s="52"/>
      <c r="V29" s="53"/>
      <c r="W29" s="106" t="s">
        <v>6</v>
      </c>
      <c r="X29" s="106"/>
      <c r="Y29" s="106"/>
      <c r="Z29" s="106"/>
      <c r="AA29" s="106"/>
      <c r="AB29" s="107"/>
      <c r="AC29" s="108"/>
      <c r="AD29" s="108"/>
      <c r="AE29" s="108"/>
      <c r="AF29" s="108"/>
      <c r="AG29" s="108"/>
      <c r="AH29" s="108"/>
      <c r="AI29" s="108"/>
      <c r="AJ29" s="108"/>
      <c r="AK29" s="108"/>
      <c r="AL29" s="108"/>
      <c r="AM29" s="108"/>
      <c r="AN29" s="108"/>
      <c r="AO29" s="108"/>
      <c r="AP29" s="108"/>
      <c r="AQ29" s="109"/>
    </row>
    <row r="30" spans="1:43" s="20" customFormat="1" ht="28.15" customHeight="1" x14ac:dyDescent="0.15">
      <c r="A30" s="5"/>
      <c r="B30" s="71" t="s">
        <v>7</v>
      </c>
      <c r="C30" s="72"/>
      <c r="D30" s="72"/>
      <c r="E30" s="72"/>
      <c r="F30" s="73"/>
      <c r="G30" s="6" t="s">
        <v>0</v>
      </c>
      <c r="H30" s="94"/>
      <c r="I30" s="94"/>
      <c r="J30" s="94"/>
      <c r="K30" s="7" t="s">
        <v>8</v>
      </c>
      <c r="L30" s="60"/>
      <c r="M30" s="60"/>
      <c r="N30" s="60"/>
      <c r="O30" s="60"/>
      <c r="P30" s="95"/>
      <c r="Q30" s="94"/>
      <c r="R30" s="94"/>
      <c r="S30" s="94"/>
      <c r="T30" s="94"/>
      <c r="U30" s="94"/>
      <c r="V30" s="94"/>
      <c r="W30" s="94"/>
      <c r="X30" s="94"/>
      <c r="Y30" s="94"/>
      <c r="Z30" s="96" t="s">
        <v>9</v>
      </c>
      <c r="AA30" s="96"/>
      <c r="AB30" s="94"/>
      <c r="AC30" s="94"/>
      <c r="AD30" s="94"/>
      <c r="AE30" s="94"/>
      <c r="AF30" s="94"/>
      <c r="AG30" s="94"/>
      <c r="AH30" s="94"/>
      <c r="AI30" s="94"/>
      <c r="AJ30" s="94"/>
      <c r="AK30" s="94"/>
      <c r="AL30" s="94"/>
      <c r="AM30" s="94"/>
      <c r="AN30" s="94"/>
      <c r="AO30" s="96" t="s">
        <v>10</v>
      </c>
      <c r="AP30" s="96"/>
      <c r="AQ30" s="21"/>
    </row>
    <row r="31" spans="1:43" s="20" customFormat="1" ht="28.15" customHeight="1" x14ac:dyDescent="0.15">
      <c r="A31" s="5"/>
      <c r="B31" s="74"/>
      <c r="C31" s="75"/>
      <c r="D31" s="75"/>
      <c r="E31" s="75"/>
      <c r="F31" s="76"/>
      <c r="G31" s="110"/>
      <c r="H31" s="111"/>
      <c r="I31" s="111"/>
      <c r="J31" s="111"/>
      <c r="K31" s="111"/>
      <c r="L31" s="111"/>
      <c r="M31" s="111"/>
      <c r="N31" s="111"/>
      <c r="O31" s="111"/>
      <c r="P31" s="111"/>
      <c r="Q31" s="111"/>
      <c r="R31" s="111"/>
      <c r="S31" s="111"/>
      <c r="T31" s="111"/>
      <c r="U31" s="111"/>
      <c r="V31" s="111"/>
      <c r="W31" s="111"/>
      <c r="X31" s="111"/>
      <c r="Y31" s="111"/>
      <c r="Z31" s="111"/>
      <c r="AA31" s="111"/>
      <c r="AB31" s="111"/>
      <c r="AC31" s="111"/>
      <c r="AD31" s="111"/>
      <c r="AE31" s="111"/>
      <c r="AF31" s="111"/>
      <c r="AG31" s="111"/>
      <c r="AH31" s="111"/>
      <c r="AI31" s="111"/>
      <c r="AJ31" s="111"/>
      <c r="AK31" s="111"/>
      <c r="AL31" s="111"/>
      <c r="AM31" s="111"/>
      <c r="AN31" s="111"/>
      <c r="AO31" s="111"/>
      <c r="AP31" s="111"/>
      <c r="AQ31" s="112"/>
    </row>
    <row r="32" spans="1:43" s="20" customFormat="1" ht="22.15" customHeight="1" x14ac:dyDescent="0.15">
      <c r="A32" s="5"/>
      <c r="B32" s="57" t="s">
        <v>1</v>
      </c>
      <c r="C32" s="58"/>
      <c r="D32" s="58"/>
      <c r="E32" s="58"/>
      <c r="F32" s="59"/>
      <c r="G32" s="11" t="s">
        <v>11</v>
      </c>
      <c r="H32" s="60"/>
      <c r="I32" s="60"/>
      <c r="J32" s="60"/>
      <c r="K32" s="60"/>
      <c r="L32" s="9" t="s">
        <v>12</v>
      </c>
      <c r="M32" s="60"/>
      <c r="N32" s="60"/>
      <c r="O32" s="60"/>
      <c r="P32" s="60"/>
      <c r="Q32" s="10" t="s">
        <v>8</v>
      </c>
      <c r="R32" s="60"/>
      <c r="S32" s="60"/>
      <c r="T32" s="60"/>
      <c r="U32" s="60"/>
      <c r="V32" s="22"/>
      <c r="W32" s="57" t="s">
        <v>36</v>
      </c>
      <c r="X32" s="58"/>
      <c r="Y32" s="58"/>
      <c r="Z32" s="58"/>
      <c r="AA32" s="59"/>
      <c r="AB32" s="8" t="s">
        <v>11</v>
      </c>
      <c r="AC32" s="60"/>
      <c r="AD32" s="60"/>
      <c r="AE32" s="60"/>
      <c r="AF32" s="60"/>
      <c r="AG32" s="9" t="s">
        <v>12</v>
      </c>
      <c r="AH32" s="60"/>
      <c r="AI32" s="60"/>
      <c r="AJ32" s="60"/>
      <c r="AK32" s="60"/>
      <c r="AL32" s="10" t="s">
        <v>8</v>
      </c>
      <c r="AM32" s="60"/>
      <c r="AN32" s="60"/>
      <c r="AO32" s="60"/>
      <c r="AP32" s="60"/>
      <c r="AQ32" s="35"/>
    </row>
    <row r="33" spans="1:43" s="20" customFormat="1" ht="22.15" customHeight="1" x14ac:dyDescent="0.15">
      <c r="A33" s="5"/>
      <c r="B33" s="86" t="s">
        <v>14</v>
      </c>
      <c r="C33" s="86"/>
      <c r="D33" s="86"/>
      <c r="E33" s="86"/>
      <c r="F33" s="86"/>
      <c r="G33" s="87"/>
      <c r="H33" s="55"/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4" t="s">
        <v>13</v>
      </c>
      <c r="Z33" s="54"/>
      <c r="AA33" s="55"/>
      <c r="AB33" s="55"/>
      <c r="AC33" s="55"/>
      <c r="AD33" s="55"/>
      <c r="AE33" s="55"/>
      <c r="AF33" s="55"/>
      <c r="AG33" s="55"/>
      <c r="AH33" s="55"/>
      <c r="AI33" s="55"/>
      <c r="AJ33" s="55"/>
      <c r="AK33" s="55"/>
      <c r="AL33" s="55"/>
      <c r="AM33" s="55"/>
      <c r="AN33" s="55"/>
      <c r="AO33" s="55"/>
      <c r="AP33" s="55"/>
      <c r="AQ33" s="56"/>
    </row>
    <row r="34" spans="1:43" ht="4.9000000000000004" customHeight="1" x14ac:dyDescent="0.15">
      <c r="AA34" s="15"/>
    </row>
    <row r="35" spans="1:43" ht="4.9000000000000004" customHeight="1" x14ac:dyDescent="0.15">
      <c r="AA35" s="15"/>
    </row>
    <row r="36" spans="1:43" ht="16.5" customHeight="1" x14ac:dyDescent="0.15">
      <c r="A36" s="1"/>
      <c r="B36" s="32" t="s">
        <v>42</v>
      </c>
      <c r="C36" s="2"/>
      <c r="D36" s="2"/>
      <c r="E36" s="2"/>
      <c r="F36" s="2"/>
      <c r="G36" s="2"/>
      <c r="H36" s="2"/>
      <c r="I36" s="3"/>
      <c r="J36" s="3"/>
      <c r="K36" s="2"/>
      <c r="L36" s="2"/>
      <c r="AA36" s="15"/>
    </row>
    <row r="37" spans="1:43" ht="16.5" customHeight="1" x14ac:dyDescent="0.15">
      <c r="A37" s="1"/>
      <c r="B37" s="24" t="s">
        <v>37</v>
      </c>
      <c r="C37" s="2"/>
      <c r="D37" s="2"/>
      <c r="E37" s="2"/>
      <c r="F37" s="2"/>
      <c r="G37" s="2"/>
      <c r="H37" s="2"/>
      <c r="I37" s="3"/>
      <c r="J37" s="3"/>
      <c r="K37" s="2"/>
      <c r="L37" s="2"/>
      <c r="AA37" s="15"/>
    </row>
    <row r="38" spans="1:43" ht="22.15" customHeight="1" x14ac:dyDescent="0.15">
      <c r="B38" s="83" t="s">
        <v>25</v>
      </c>
      <c r="C38" s="84"/>
      <c r="D38" s="84"/>
      <c r="E38" s="84"/>
      <c r="F38" s="84"/>
      <c r="G38" s="42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4"/>
      <c r="W38" s="100" t="s">
        <v>27</v>
      </c>
      <c r="X38" s="101"/>
      <c r="Y38" s="101"/>
      <c r="Z38" s="101"/>
      <c r="AA38" s="102"/>
      <c r="AB38" s="123"/>
      <c r="AC38" s="124"/>
      <c r="AD38" s="124"/>
      <c r="AE38" s="124"/>
      <c r="AF38" s="124"/>
      <c r="AG38" s="124"/>
      <c r="AH38" s="124"/>
      <c r="AI38" s="124"/>
      <c r="AJ38" s="124"/>
      <c r="AK38" s="124"/>
      <c r="AL38" s="124"/>
      <c r="AM38" s="124"/>
      <c r="AN38" s="124"/>
      <c r="AO38" s="124"/>
      <c r="AP38" s="124"/>
      <c r="AQ38" s="125"/>
    </row>
    <row r="39" spans="1:43" ht="28.15" customHeight="1" x14ac:dyDescent="0.15">
      <c r="B39" s="84" t="s">
        <v>26</v>
      </c>
      <c r="C39" s="84"/>
      <c r="D39" s="84"/>
      <c r="E39" s="84"/>
      <c r="F39" s="84"/>
      <c r="G39" s="42"/>
      <c r="H39" s="43"/>
      <c r="I39" s="43"/>
      <c r="J39" s="43"/>
      <c r="K39" s="43"/>
      <c r="L39" s="43"/>
      <c r="M39" s="43"/>
      <c r="N39" s="43"/>
      <c r="O39" s="43"/>
      <c r="P39" s="43"/>
      <c r="Q39" s="43"/>
      <c r="R39" s="43"/>
      <c r="S39" s="43"/>
      <c r="T39" s="43"/>
      <c r="U39" s="43"/>
      <c r="V39" s="44"/>
      <c r="W39" s="90" t="s">
        <v>1</v>
      </c>
      <c r="X39" s="91"/>
      <c r="Y39" s="91"/>
      <c r="Z39" s="91"/>
      <c r="AA39" s="92"/>
      <c r="AB39" s="26" t="s">
        <v>11</v>
      </c>
      <c r="AC39" s="60"/>
      <c r="AD39" s="60"/>
      <c r="AE39" s="60"/>
      <c r="AF39" s="60"/>
      <c r="AG39" s="27" t="s">
        <v>12</v>
      </c>
      <c r="AH39" s="60"/>
      <c r="AI39" s="60"/>
      <c r="AJ39" s="60"/>
      <c r="AK39" s="60"/>
      <c r="AL39" s="28" t="s">
        <v>8</v>
      </c>
      <c r="AM39" s="60"/>
      <c r="AN39" s="60"/>
      <c r="AO39" s="60"/>
      <c r="AP39" s="60"/>
      <c r="AQ39" s="29"/>
    </row>
    <row r="40" spans="1:43" s="20" customFormat="1" ht="28.15" customHeight="1" x14ac:dyDescent="0.15">
      <c r="A40" s="5"/>
      <c r="B40" s="93" t="s">
        <v>15</v>
      </c>
      <c r="C40" s="93"/>
      <c r="D40" s="93"/>
      <c r="E40" s="93"/>
      <c r="F40" s="93"/>
      <c r="G40" s="30" t="s">
        <v>0</v>
      </c>
      <c r="H40" s="94"/>
      <c r="I40" s="94"/>
      <c r="J40" s="94"/>
      <c r="K40" s="31" t="s">
        <v>8</v>
      </c>
      <c r="L40" s="60"/>
      <c r="M40" s="60"/>
      <c r="N40" s="60"/>
      <c r="O40" s="60"/>
      <c r="P40" s="95"/>
      <c r="Q40" s="94"/>
      <c r="R40" s="94"/>
      <c r="S40" s="94"/>
      <c r="T40" s="94"/>
      <c r="U40" s="94"/>
      <c r="V40" s="94"/>
      <c r="W40" s="94"/>
      <c r="X40" s="94"/>
      <c r="Y40" s="94"/>
      <c r="Z40" s="96" t="s">
        <v>9</v>
      </c>
      <c r="AA40" s="96"/>
      <c r="AB40" s="94"/>
      <c r="AC40" s="94"/>
      <c r="AD40" s="94"/>
      <c r="AE40" s="94"/>
      <c r="AF40" s="94"/>
      <c r="AG40" s="94"/>
      <c r="AH40" s="94"/>
      <c r="AI40" s="94"/>
      <c r="AJ40" s="94"/>
      <c r="AK40" s="94"/>
      <c r="AL40" s="94"/>
      <c r="AM40" s="94"/>
      <c r="AN40" s="94"/>
      <c r="AO40" s="96" t="s">
        <v>10</v>
      </c>
      <c r="AP40" s="96"/>
      <c r="AQ40" s="21"/>
    </row>
    <row r="41" spans="1:43" s="20" customFormat="1" ht="28.15" customHeight="1" x14ac:dyDescent="0.15">
      <c r="A41" s="5"/>
      <c r="B41" s="93"/>
      <c r="C41" s="93"/>
      <c r="D41" s="93"/>
      <c r="E41" s="93"/>
      <c r="F41" s="93"/>
      <c r="G41" s="110"/>
      <c r="H41" s="111"/>
      <c r="I41" s="111"/>
      <c r="J41" s="111"/>
      <c r="K41" s="111"/>
      <c r="L41" s="111"/>
      <c r="M41" s="111"/>
      <c r="N41" s="111"/>
      <c r="O41" s="111"/>
      <c r="P41" s="111"/>
      <c r="Q41" s="111"/>
      <c r="R41" s="111"/>
      <c r="S41" s="111"/>
      <c r="T41" s="111"/>
      <c r="U41" s="111"/>
      <c r="V41" s="111"/>
      <c r="W41" s="111"/>
      <c r="X41" s="111"/>
      <c r="Y41" s="111"/>
      <c r="Z41" s="111"/>
      <c r="AA41" s="111"/>
      <c r="AB41" s="111"/>
      <c r="AC41" s="111"/>
      <c r="AD41" s="111"/>
      <c r="AE41" s="111"/>
      <c r="AF41" s="111"/>
      <c r="AG41" s="111"/>
      <c r="AH41" s="111"/>
      <c r="AI41" s="111"/>
      <c r="AJ41" s="111"/>
      <c r="AK41" s="111"/>
      <c r="AL41" s="111"/>
      <c r="AM41" s="111"/>
      <c r="AN41" s="111"/>
      <c r="AO41" s="111"/>
      <c r="AP41" s="111"/>
      <c r="AQ41" s="112"/>
    </row>
    <row r="42" spans="1:43" s="20" customFormat="1" ht="22.15" customHeight="1" x14ac:dyDescent="0.15">
      <c r="A42" s="5"/>
      <c r="B42" s="126" t="s">
        <v>25</v>
      </c>
      <c r="C42" s="127"/>
      <c r="D42" s="127"/>
      <c r="E42" s="127"/>
      <c r="F42" s="128"/>
      <c r="G42" s="42"/>
      <c r="H42" s="43"/>
      <c r="I42" s="43"/>
      <c r="J42" s="43"/>
      <c r="K42" s="43"/>
      <c r="L42" s="43"/>
      <c r="M42" s="43"/>
      <c r="N42" s="43"/>
      <c r="O42" s="43"/>
      <c r="P42" s="43"/>
      <c r="Q42" s="43"/>
      <c r="R42" s="43"/>
      <c r="S42" s="43"/>
      <c r="T42" s="43"/>
      <c r="U42" s="43"/>
      <c r="V42" s="44"/>
      <c r="W42" s="97"/>
      <c r="X42" s="98"/>
      <c r="Y42" s="98"/>
      <c r="Z42" s="98"/>
      <c r="AA42" s="98"/>
      <c r="AB42" s="98"/>
      <c r="AC42" s="98"/>
      <c r="AD42" s="98"/>
      <c r="AE42" s="98"/>
      <c r="AF42" s="98"/>
      <c r="AG42" s="98"/>
      <c r="AH42" s="98"/>
      <c r="AI42" s="98"/>
      <c r="AJ42" s="98"/>
      <c r="AK42" s="98"/>
      <c r="AL42" s="98"/>
      <c r="AM42" s="98"/>
      <c r="AN42" s="98"/>
      <c r="AO42" s="98"/>
      <c r="AP42" s="98"/>
      <c r="AQ42" s="99"/>
    </row>
    <row r="43" spans="1:43" ht="22.15" customHeight="1" x14ac:dyDescent="0.15">
      <c r="B43" s="84" t="s">
        <v>28</v>
      </c>
      <c r="C43" s="84"/>
      <c r="D43" s="84"/>
      <c r="E43" s="84"/>
      <c r="F43" s="84"/>
      <c r="G43" s="42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4"/>
      <c r="W43" s="90" t="s">
        <v>29</v>
      </c>
      <c r="X43" s="91"/>
      <c r="Y43" s="91"/>
      <c r="Z43" s="91"/>
      <c r="AA43" s="92"/>
      <c r="AB43" s="42"/>
      <c r="AC43" s="43"/>
      <c r="AD43" s="43"/>
      <c r="AE43" s="43"/>
      <c r="AF43" s="43"/>
      <c r="AG43" s="43"/>
      <c r="AH43" s="43"/>
      <c r="AI43" s="43"/>
      <c r="AJ43" s="43"/>
      <c r="AK43" s="43"/>
      <c r="AL43" s="43"/>
      <c r="AM43" s="43"/>
      <c r="AN43" s="43"/>
      <c r="AO43" s="43"/>
      <c r="AP43" s="43"/>
      <c r="AQ43" s="44"/>
    </row>
    <row r="44" spans="1:43" ht="4.9000000000000004" customHeight="1" x14ac:dyDescent="0.15">
      <c r="B44" s="4"/>
      <c r="E44" s="2"/>
      <c r="F44" s="2"/>
      <c r="G44" s="2"/>
      <c r="H44" s="2"/>
      <c r="I44" s="3"/>
      <c r="J44" s="3"/>
      <c r="K44" s="2"/>
      <c r="L44" s="2"/>
      <c r="AA44" s="15"/>
    </row>
    <row r="45" spans="1:43" ht="18" customHeight="1" x14ac:dyDescent="0.15">
      <c r="B45" s="4" t="s">
        <v>38</v>
      </c>
      <c r="E45" s="2"/>
      <c r="F45" s="2"/>
      <c r="G45" s="2"/>
      <c r="H45" s="2"/>
      <c r="I45" s="3"/>
      <c r="J45" s="3"/>
      <c r="K45" s="2"/>
      <c r="L45" s="2"/>
      <c r="AA45" s="15"/>
    </row>
    <row r="46" spans="1:43" s="20" customFormat="1" ht="22.15" customHeight="1" x14ac:dyDescent="0.15">
      <c r="A46" s="19"/>
      <c r="B46" s="68" t="s">
        <v>2</v>
      </c>
      <c r="C46" s="69"/>
      <c r="D46" s="69"/>
      <c r="E46" s="69"/>
      <c r="F46" s="70"/>
      <c r="G46" s="42"/>
      <c r="H46" s="43"/>
      <c r="I46" s="43"/>
      <c r="J46" s="43"/>
      <c r="K46" s="43"/>
      <c r="L46" s="43"/>
      <c r="M46" s="43"/>
      <c r="N46" s="43"/>
      <c r="O46" s="43"/>
      <c r="P46" s="43"/>
      <c r="Q46" s="43"/>
      <c r="R46" s="43"/>
      <c r="S46" s="43"/>
      <c r="T46" s="43"/>
      <c r="U46" s="43"/>
      <c r="V46" s="44"/>
      <c r="W46" s="97"/>
      <c r="X46" s="98"/>
      <c r="Y46" s="98"/>
      <c r="Z46" s="98"/>
      <c r="AA46" s="98"/>
      <c r="AB46" s="98"/>
      <c r="AC46" s="98"/>
      <c r="AD46" s="98"/>
      <c r="AE46" s="98"/>
      <c r="AF46" s="98"/>
      <c r="AG46" s="98"/>
      <c r="AH46" s="98"/>
      <c r="AI46" s="98"/>
      <c r="AJ46" s="98"/>
      <c r="AK46" s="98"/>
      <c r="AL46" s="98"/>
      <c r="AM46" s="98"/>
      <c r="AN46" s="98"/>
      <c r="AO46" s="98"/>
      <c r="AP46" s="98"/>
      <c r="AQ46" s="99"/>
    </row>
    <row r="47" spans="1:43" s="20" customFormat="1" ht="16.5" customHeight="1" x14ac:dyDescent="0.15">
      <c r="A47" s="19"/>
      <c r="B47" s="71" t="s">
        <v>3</v>
      </c>
      <c r="C47" s="72"/>
      <c r="D47" s="72"/>
      <c r="E47" s="72"/>
      <c r="F47" s="73"/>
      <c r="G47" s="77"/>
      <c r="H47" s="78"/>
      <c r="I47" s="78"/>
      <c r="J47" s="78"/>
      <c r="K47" s="78"/>
      <c r="L47" s="78"/>
      <c r="M47" s="78"/>
      <c r="N47" s="78"/>
      <c r="O47" s="79"/>
      <c r="P47" s="119" t="s">
        <v>4</v>
      </c>
      <c r="Q47" s="120"/>
      <c r="R47" s="48"/>
      <c r="S47" s="49"/>
      <c r="T47" s="49"/>
      <c r="U47" s="49"/>
      <c r="V47" s="50"/>
      <c r="W47" s="93" t="s">
        <v>5</v>
      </c>
      <c r="X47" s="93"/>
      <c r="Y47" s="93"/>
      <c r="Z47" s="93"/>
      <c r="AA47" s="93"/>
      <c r="AB47" s="42"/>
      <c r="AC47" s="43"/>
      <c r="AD47" s="43"/>
      <c r="AE47" s="43"/>
      <c r="AF47" s="43"/>
      <c r="AG47" s="43"/>
      <c r="AH47" s="43"/>
      <c r="AI47" s="43"/>
      <c r="AJ47" s="43"/>
      <c r="AK47" s="43"/>
      <c r="AL47" s="43"/>
      <c r="AM47" s="43"/>
      <c r="AN47" s="43"/>
      <c r="AO47" s="43"/>
      <c r="AP47" s="43"/>
      <c r="AQ47" s="44"/>
    </row>
    <row r="48" spans="1:43" s="20" customFormat="1" ht="22.15" customHeight="1" x14ac:dyDescent="0.15">
      <c r="A48" s="5"/>
      <c r="B48" s="74"/>
      <c r="C48" s="75"/>
      <c r="D48" s="75"/>
      <c r="E48" s="75"/>
      <c r="F48" s="76"/>
      <c r="G48" s="80"/>
      <c r="H48" s="81"/>
      <c r="I48" s="81"/>
      <c r="J48" s="81"/>
      <c r="K48" s="81"/>
      <c r="L48" s="81"/>
      <c r="M48" s="81"/>
      <c r="N48" s="81"/>
      <c r="O48" s="82"/>
      <c r="P48" s="121"/>
      <c r="Q48" s="122"/>
      <c r="R48" s="51"/>
      <c r="S48" s="52"/>
      <c r="T48" s="52"/>
      <c r="U48" s="52"/>
      <c r="V48" s="53"/>
      <c r="W48" s="106" t="s">
        <v>6</v>
      </c>
      <c r="X48" s="106"/>
      <c r="Y48" s="106"/>
      <c r="Z48" s="106"/>
      <c r="AA48" s="106"/>
      <c r="AB48" s="42"/>
      <c r="AC48" s="43"/>
      <c r="AD48" s="43"/>
      <c r="AE48" s="43"/>
      <c r="AF48" s="43"/>
      <c r="AG48" s="43"/>
      <c r="AH48" s="43"/>
      <c r="AI48" s="43"/>
      <c r="AJ48" s="43"/>
      <c r="AK48" s="43"/>
      <c r="AL48" s="43"/>
      <c r="AM48" s="43"/>
      <c r="AN48" s="43"/>
      <c r="AO48" s="43"/>
      <c r="AP48" s="43"/>
      <c r="AQ48" s="44"/>
    </row>
    <row r="49" spans="1:92" s="20" customFormat="1" ht="28.15" customHeight="1" x14ac:dyDescent="0.15">
      <c r="A49" s="5"/>
      <c r="B49" s="71" t="s">
        <v>7</v>
      </c>
      <c r="C49" s="72"/>
      <c r="D49" s="72"/>
      <c r="E49" s="72"/>
      <c r="F49" s="73"/>
      <c r="G49" s="6" t="s">
        <v>0</v>
      </c>
      <c r="H49" s="94"/>
      <c r="I49" s="94"/>
      <c r="J49" s="94"/>
      <c r="K49" s="7" t="s">
        <v>8</v>
      </c>
      <c r="L49" s="60"/>
      <c r="M49" s="60"/>
      <c r="N49" s="60"/>
      <c r="O49" s="60"/>
      <c r="P49" s="95"/>
      <c r="Q49" s="94"/>
      <c r="R49" s="94"/>
      <c r="S49" s="94"/>
      <c r="T49" s="94"/>
      <c r="U49" s="94"/>
      <c r="V49" s="94"/>
      <c r="W49" s="94"/>
      <c r="X49" s="94"/>
      <c r="Y49" s="94"/>
      <c r="Z49" s="96" t="s">
        <v>9</v>
      </c>
      <c r="AA49" s="96"/>
      <c r="AB49" s="94"/>
      <c r="AC49" s="94"/>
      <c r="AD49" s="94"/>
      <c r="AE49" s="94"/>
      <c r="AF49" s="94"/>
      <c r="AG49" s="94"/>
      <c r="AH49" s="94"/>
      <c r="AI49" s="94"/>
      <c r="AJ49" s="94"/>
      <c r="AK49" s="94"/>
      <c r="AL49" s="94"/>
      <c r="AM49" s="94"/>
      <c r="AN49" s="94"/>
      <c r="AO49" s="96" t="s">
        <v>10</v>
      </c>
      <c r="AP49" s="96"/>
      <c r="AQ49" s="21"/>
    </row>
    <row r="50" spans="1:92" s="20" customFormat="1" ht="28.15" customHeight="1" x14ac:dyDescent="0.15">
      <c r="A50" s="5"/>
      <c r="B50" s="74"/>
      <c r="C50" s="75"/>
      <c r="D50" s="75"/>
      <c r="E50" s="75"/>
      <c r="F50" s="76"/>
      <c r="G50" s="110"/>
      <c r="H50" s="111"/>
      <c r="I50" s="111"/>
      <c r="J50" s="111"/>
      <c r="K50" s="111"/>
      <c r="L50" s="111"/>
      <c r="M50" s="111"/>
      <c r="N50" s="111"/>
      <c r="O50" s="111"/>
      <c r="P50" s="111"/>
      <c r="Q50" s="111"/>
      <c r="R50" s="111"/>
      <c r="S50" s="111"/>
      <c r="T50" s="111"/>
      <c r="U50" s="111"/>
      <c r="V50" s="111"/>
      <c r="W50" s="111"/>
      <c r="X50" s="111"/>
      <c r="Y50" s="111"/>
      <c r="Z50" s="111"/>
      <c r="AA50" s="111"/>
      <c r="AB50" s="111"/>
      <c r="AC50" s="111"/>
      <c r="AD50" s="111"/>
      <c r="AE50" s="111"/>
      <c r="AF50" s="111"/>
      <c r="AG50" s="111"/>
      <c r="AH50" s="111"/>
      <c r="AI50" s="111"/>
      <c r="AJ50" s="111"/>
      <c r="AK50" s="111"/>
      <c r="AL50" s="111"/>
      <c r="AM50" s="111"/>
      <c r="AN50" s="111"/>
      <c r="AO50" s="111"/>
      <c r="AP50" s="111"/>
      <c r="AQ50" s="112"/>
    </row>
    <row r="51" spans="1:92" s="20" customFormat="1" ht="22.15" customHeight="1" x14ac:dyDescent="0.15">
      <c r="A51" s="5"/>
      <c r="B51" s="57" t="s">
        <v>1</v>
      </c>
      <c r="C51" s="58"/>
      <c r="D51" s="58"/>
      <c r="E51" s="58"/>
      <c r="F51" s="59"/>
      <c r="G51" s="11" t="s">
        <v>11</v>
      </c>
      <c r="H51" s="60"/>
      <c r="I51" s="60"/>
      <c r="J51" s="60"/>
      <c r="K51" s="60"/>
      <c r="L51" s="9" t="s">
        <v>12</v>
      </c>
      <c r="M51" s="60"/>
      <c r="N51" s="60"/>
      <c r="O51" s="60"/>
      <c r="P51" s="60"/>
      <c r="Q51" s="10" t="s">
        <v>8</v>
      </c>
      <c r="R51" s="60"/>
      <c r="S51" s="60"/>
      <c r="T51" s="60"/>
      <c r="U51" s="60"/>
      <c r="V51" s="22"/>
      <c r="W51" s="57" t="s">
        <v>36</v>
      </c>
      <c r="X51" s="58"/>
      <c r="Y51" s="58"/>
      <c r="Z51" s="58"/>
      <c r="AA51" s="59"/>
      <c r="AB51" s="8" t="s">
        <v>11</v>
      </c>
      <c r="AC51" s="60"/>
      <c r="AD51" s="60"/>
      <c r="AE51" s="60"/>
      <c r="AF51" s="60"/>
      <c r="AG51" s="9" t="s">
        <v>12</v>
      </c>
      <c r="AH51" s="60"/>
      <c r="AI51" s="60"/>
      <c r="AJ51" s="60"/>
      <c r="AK51" s="60"/>
      <c r="AL51" s="10" t="s">
        <v>8</v>
      </c>
      <c r="AM51" s="60"/>
      <c r="AN51" s="60"/>
      <c r="AO51" s="60"/>
      <c r="AP51" s="60"/>
      <c r="AQ51" s="35"/>
    </row>
    <row r="52" spans="1:92" s="20" customFormat="1" ht="22.15" customHeight="1" x14ac:dyDescent="0.15">
      <c r="A52" s="5"/>
      <c r="B52" s="86" t="s">
        <v>14</v>
      </c>
      <c r="C52" s="86"/>
      <c r="D52" s="86"/>
      <c r="E52" s="86"/>
      <c r="F52" s="86"/>
      <c r="G52" s="87"/>
      <c r="H52" s="55"/>
      <c r="I52" s="55"/>
      <c r="J52" s="55"/>
      <c r="K52" s="55"/>
      <c r="L52" s="55"/>
      <c r="M52" s="55"/>
      <c r="N52" s="55"/>
      <c r="O52" s="55"/>
      <c r="P52" s="55"/>
      <c r="Q52" s="55"/>
      <c r="R52" s="55"/>
      <c r="S52" s="55"/>
      <c r="T52" s="55"/>
      <c r="U52" s="55"/>
      <c r="V52" s="55"/>
      <c r="W52" s="55"/>
      <c r="X52" s="55"/>
      <c r="Y52" s="54" t="s">
        <v>13</v>
      </c>
      <c r="Z52" s="54"/>
      <c r="AA52" s="55"/>
      <c r="AB52" s="55"/>
      <c r="AC52" s="55"/>
      <c r="AD52" s="55"/>
      <c r="AE52" s="55"/>
      <c r="AF52" s="55"/>
      <c r="AG52" s="55"/>
      <c r="AH52" s="55"/>
      <c r="AI52" s="55"/>
      <c r="AJ52" s="55"/>
      <c r="AK52" s="55"/>
      <c r="AL52" s="55"/>
      <c r="AM52" s="55"/>
      <c r="AN52" s="55"/>
      <c r="AO52" s="55"/>
      <c r="AP52" s="55"/>
      <c r="AQ52" s="56"/>
    </row>
    <row r="53" spans="1:92" ht="16.5" customHeight="1" x14ac:dyDescent="0.15">
      <c r="B53" s="12"/>
      <c r="C53" s="2"/>
      <c r="D53" s="2"/>
      <c r="E53" s="13"/>
      <c r="F53" s="13"/>
      <c r="G53" s="13"/>
      <c r="H53" s="13"/>
      <c r="I53" s="3"/>
      <c r="J53" s="3"/>
      <c r="K53" s="2"/>
      <c r="L53" s="2"/>
      <c r="AA53" s="15"/>
    </row>
    <row r="54" spans="1:92" s="37" customFormat="1" ht="22.5" customHeight="1" x14ac:dyDescent="0.15">
      <c r="A54" s="36"/>
      <c r="B54" s="32" t="s">
        <v>44</v>
      </c>
      <c r="AR54" s="38"/>
      <c r="AS54" s="38"/>
      <c r="AT54" s="38"/>
      <c r="AU54" s="38"/>
      <c r="AV54" s="38"/>
      <c r="AW54" s="38"/>
      <c r="AX54" s="38"/>
      <c r="AY54" s="38"/>
      <c r="AZ54" s="38"/>
      <c r="BA54" s="38"/>
      <c r="BB54" s="38"/>
      <c r="BC54" s="38"/>
      <c r="BD54" s="38"/>
      <c r="BE54" s="38"/>
      <c r="BF54" s="38"/>
      <c r="BG54" s="38"/>
      <c r="BH54" s="38"/>
      <c r="BI54" s="38"/>
      <c r="BJ54" s="38"/>
      <c r="BK54" s="38"/>
      <c r="BL54" s="38"/>
      <c r="BM54" s="38"/>
      <c r="BN54" s="38"/>
      <c r="BO54" s="38"/>
      <c r="BP54" s="38"/>
      <c r="BQ54" s="38"/>
      <c r="BR54" s="38"/>
      <c r="BS54" s="38"/>
      <c r="BT54" s="38"/>
      <c r="BU54" s="38"/>
      <c r="BV54" s="38"/>
      <c r="BW54" s="38"/>
      <c r="BX54" s="38"/>
      <c r="BY54" s="38"/>
      <c r="BZ54" s="38"/>
      <c r="CA54" s="38"/>
      <c r="CB54" s="38"/>
      <c r="CC54" s="38"/>
      <c r="CD54" s="38"/>
      <c r="CE54" s="38"/>
      <c r="CF54" s="38"/>
      <c r="CG54" s="38"/>
      <c r="CH54" s="38"/>
      <c r="CI54" s="38"/>
      <c r="CJ54" s="38"/>
      <c r="CK54" s="38"/>
      <c r="CL54" s="38"/>
      <c r="CM54" s="38"/>
      <c r="CN54" s="38"/>
    </row>
    <row r="55" spans="1:92" s="37" customFormat="1" ht="22.5" customHeight="1" x14ac:dyDescent="0.15">
      <c r="B55" s="45" t="s">
        <v>43</v>
      </c>
      <c r="C55" s="45"/>
      <c r="D55" s="41" t="s">
        <v>45</v>
      </c>
      <c r="E55" s="39"/>
      <c r="AR55" s="38"/>
      <c r="AS55" s="38"/>
      <c r="AT55" s="38"/>
      <c r="AU55" s="38"/>
      <c r="AV55" s="38"/>
      <c r="AW55" s="38"/>
      <c r="AX55" s="38"/>
      <c r="AY55" s="38"/>
      <c r="AZ55" s="38"/>
      <c r="BA55" s="38"/>
      <c r="BB55" s="38"/>
      <c r="BC55" s="38"/>
      <c r="BD55" s="38"/>
      <c r="BE55" s="38"/>
      <c r="BF55" s="38"/>
      <c r="BG55" s="38"/>
      <c r="BH55" s="38"/>
      <c r="BI55" s="38"/>
      <c r="BJ55" s="38"/>
      <c r="BK55" s="38"/>
      <c r="BL55" s="38"/>
      <c r="BM55" s="38"/>
      <c r="BN55" s="38"/>
      <c r="BO55" s="38"/>
      <c r="BP55" s="38"/>
      <c r="BQ55" s="38"/>
      <c r="BR55" s="38"/>
      <c r="BS55" s="38"/>
      <c r="BT55" s="38"/>
      <c r="BU55" s="38"/>
      <c r="BV55" s="38"/>
      <c r="BW55" s="38"/>
      <c r="BX55" s="38"/>
      <c r="BY55" s="38"/>
      <c r="BZ55" s="38"/>
      <c r="CA55" s="38"/>
      <c r="CB55" s="38"/>
      <c r="CC55" s="38"/>
      <c r="CD55" s="38"/>
      <c r="CE55" s="38"/>
      <c r="CF55" s="38"/>
      <c r="CG55" s="38"/>
      <c r="CH55" s="38"/>
      <c r="CI55" s="38"/>
      <c r="CJ55" s="38"/>
      <c r="CK55" s="38"/>
      <c r="CL55" s="38"/>
      <c r="CM55" s="38"/>
      <c r="CN55" s="38"/>
    </row>
    <row r="56" spans="1:92" ht="16.5" customHeight="1" x14ac:dyDescent="0.15">
      <c r="D56" s="40" t="s">
        <v>46</v>
      </c>
      <c r="AA56" s="15"/>
    </row>
    <row r="57" spans="1:92" ht="16.5" customHeight="1" x14ac:dyDescent="0.15">
      <c r="AA57" s="15"/>
    </row>
    <row r="58" spans="1:92" ht="16.5" customHeight="1" x14ac:dyDescent="0.15">
      <c r="AA58" s="15"/>
    </row>
    <row r="59" spans="1:92" ht="16.5" customHeight="1" x14ac:dyDescent="0.15">
      <c r="AA59" s="15"/>
    </row>
    <row r="60" spans="1:92" ht="16.5" customHeight="1" x14ac:dyDescent="0.15">
      <c r="AA60" s="15"/>
    </row>
    <row r="61" spans="1:92" ht="16.5" customHeight="1" x14ac:dyDescent="0.15">
      <c r="AA61" s="15"/>
    </row>
    <row r="62" spans="1:92" ht="16.5" customHeight="1" x14ac:dyDescent="0.15">
      <c r="AA62" s="15"/>
    </row>
    <row r="63" spans="1:92" ht="16.5" customHeight="1" x14ac:dyDescent="0.15">
      <c r="AA63" s="15"/>
    </row>
    <row r="64" spans="1:92" ht="16.5" customHeight="1" x14ac:dyDescent="0.15">
      <c r="AA64" s="15"/>
    </row>
    <row r="65" spans="27:27" ht="16.5" customHeight="1" x14ac:dyDescent="0.15">
      <c r="AA65" s="15"/>
    </row>
    <row r="66" spans="27:27" ht="16.5" customHeight="1" x14ac:dyDescent="0.15">
      <c r="AA66" s="15"/>
    </row>
    <row r="67" spans="27:27" ht="16.5" customHeight="1" x14ac:dyDescent="0.15">
      <c r="AA67" s="15"/>
    </row>
    <row r="68" spans="27:27" ht="16.5" customHeight="1" x14ac:dyDescent="0.15">
      <c r="AA68" s="15"/>
    </row>
    <row r="69" spans="27:27" ht="16.5" customHeight="1" x14ac:dyDescent="0.15">
      <c r="AA69" s="15"/>
    </row>
    <row r="70" spans="27:27" ht="16.5" customHeight="1" x14ac:dyDescent="0.15">
      <c r="AA70" s="15"/>
    </row>
    <row r="71" spans="27:27" ht="16.5" customHeight="1" x14ac:dyDescent="0.15">
      <c r="AA71" s="15"/>
    </row>
    <row r="72" spans="27:27" ht="16.5" customHeight="1" x14ac:dyDescent="0.15">
      <c r="AA72" s="15"/>
    </row>
    <row r="73" spans="27:27" ht="16.5" customHeight="1" x14ac:dyDescent="0.15">
      <c r="AA73" s="15"/>
    </row>
    <row r="74" spans="27:27" ht="16.5" customHeight="1" x14ac:dyDescent="0.15">
      <c r="AA74" s="15"/>
    </row>
    <row r="75" spans="27:27" ht="16.5" customHeight="1" x14ac:dyDescent="0.15">
      <c r="AA75" s="15"/>
    </row>
    <row r="76" spans="27:27" ht="16.5" customHeight="1" x14ac:dyDescent="0.15">
      <c r="AA76" s="15"/>
    </row>
    <row r="77" spans="27:27" ht="16.5" customHeight="1" x14ac:dyDescent="0.15">
      <c r="AA77" s="15"/>
    </row>
    <row r="78" spans="27:27" ht="16.5" customHeight="1" x14ac:dyDescent="0.15">
      <c r="AA78" s="15"/>
    </row>
    <row r="79" spans="27:27" ht="16.5" customHeight="1" x14ac:dyDescent="0.15">
      <c r="AA79" s="15"/>
    </row>
    <row r="80" spans="27:27" ht="16.5" customHeight="1" x14ac:dyDescent="0.15">
      <c r="AA80" s="15"/>
    </row>
    <row r="81" spans="27:27" ht="16.5" customHeight="1" x14ac:dyDescent="0.15">
      <c r="AA81" s="15"/>
    </row>
    <row r="82" spans="27:27" ht="16.5" customHeight="1" x14ac:dyDescent="0.15">
      <c r="AA82" s="15"/>
    </row>
    <row r="83" spans="27:27" ht="16.5" customHeight="1" x14ac:dyDescent="0.15">
      <c r="AA83" s="15"/>
    </row>
    <row r="84" spans="27:27" ht="16.5" customHeight="1" x14ac:dyDescent="0.15">
      <c r="AA84" s="15"/>
    </row>
    <row r="85" spans="27:27" ht="16.5" customHeight="1" x14ac:dyDescent="0.15">
      <c r="AA85" s="15"/>
    </row>
    <row r="86" spans="27:27" ht="16.5" customHeight="1" x14ac:dyDescent="0.15">
      <c r="AA86" s="15"/>
    </row>
    <row r="87" spans="27:27" ht="16.5" customHeight="1" x14ac:dyDescent="0.15">
      <c r="AA87" s="15"/>
    </row>
    <row r="88" spans="27:27" ht="16.5" customHeight="1" x14ac:dyDescent="0.15">
      <c r="AA88" s="15"/>
    </row>
    <row r="89" spans="27:27" ht="16.5" customHeight="1" x14ac:dyDescent="0.15">
      <c r="AA89" s="15"/>
    </row>
    <row r="90" spans="27:27" ht="16.5" customHeight="1" x14ac:dyDescent="0.15">
      <c r="AA90" s="15"/>
    </row>
    <row r="91" spans="27:27" ht="16.5" customHeight="1" x14ac:dyDescent="0.15">
      <c r="AA91" s="15"/>
    </row>
    <row r="92" spans="27:27" ht="16.5" customHeight="1" x14ac:dyDescent="0.15">
      <c r="AA92" s="15"/>
    </row>
    <row r="93" spans="27:27" ht="16.5" customHeight="1" x14ac:dyDescent="0.15">
      <c r="AA93" s="15"/>
    </row>
    <row r="94" spans="27:27" ht="16.5" customHeight="1" x14ac:dyDescent="0.15">
      <c r="AA94" s="15"/>
    </row>
    <row r="95" spans="27:27" ht="16.5" customHeight="1" x14ac:dyDescent="0.15">
      <c r="AA95" s="15"/>
    </row>
    <row r="96" spans="27:27" ht="16.5" customHeight="1" x14ac:dyDescent="0.15">
      <c r="AA96" s="15"/>
    </row>
    <row r="97" spans="27:27" ht="16.5" customHeight="1" x14ac:dyDescent="0.15">
      <c r="AA97" s="15"/>
    </row>
    <row r="98" spans="27:27" ht="16.5" customHeight="1" x14ac:dyDescent="0.15">
      <c r="AA98" s="15"/>
    </row>
    <row r="99" spans="27:27" ht="16.5" customHeight="1" x14ac:dyDescent="0.15">
      <c r="AA99" s="15"/>
    </row>
    <row r="100" spans="27:27" ht="16.5" customHeight="1" x14ac:dyDescent="0.15">
      <c r="AA100" s="15"/>
    </row>
    <row r="101" spans="27:27" ht="16.5" customHeight="1" x14ac:dyDescent="0.15">
      <c r="AA101" s="15"/>
    </row>
    <row r="102" spans="27:27" ht="16.5" customHeight="1" x14ac:dyDescent="0.15">
      <c r="AA102" s="15"/>
    </row>
    <row r="103" spans="27:27" ht="16.5" customHeight="1" x14ac:dyDescent="0.15">
      <c r="AA103" s="15"/>
    </row>
    <row r="104" spans="27:27" ht="16.5" customHeight="1" x14ac:dyDescent="0.15">
      <c r="AA104" s="15"/>
    </row>
    <row r="105" spans="27:27" ht="16.5" customHeight="1" x14ac:dyDescent="0.15">
      <c r="AA105" s="15"/>
    </row>
    <row r="106" spans="27:27" ht="16.5" customHeight="1" x14ac:dyDescent="0.15">
      <c r="AA106" s="15"/>
    </row>
    <row r="107" spans="27:27" ht="16.5" customHeight="1" x14ac:dyDescent="0.15">
      <c r="AA107" s="15"/>
    </row>
  </sheetData>
  <sheetProtection algorithmName="SHA-512" hashValue="tUtTVB//vCUeofOmHe7itIMBdX894GdPoLu7tFAiYwC5S0VtI5y53t9ATLviNp3z9AeRCjFzv7aWOXuNk6IlNw==" saltValue="I0lpTbp4vLkcG526vaV4bA==" spinCount="100000" sheet="1" selectLockedCells="1"/>
  <mergeCells count="127">
    <mergeCell ref="B52:F52"/>
    <mergeCell ref="G52:X52"/>
    <mergeCell ref="Y52:Z52"/>
    <mergeCell ref="AA52:AQ52"/>
    <mergeCell ref="AB49:AN49"/>
    <mergeCell ref="AO49:AP49"/>
    <mergeCell ref="G50:AQ50"/>
    <mergeCell ref="B51:F51"/>
    <mergeCell ref="H51:K51"/>
    <mergeCell ref="M51:P51"/>
    <mergeCell ref="R51:U51"/>
    <mergeCell ref="W51:AA51"/>
    <mergeCell ref="AC51:AF51"/>
    <mergeCell ref="AH51:AK51"/>
    <mergeCell ref="AM51:AP51"/>
    <mergeCell ref="B49:F50"/>
    <mergeCell ref="H49:J49"/>
    <mergeCell ref="L49:O49"/>
    <mergeCell ref="P49:Y49"/>
    <mergeCell ref="Z49:AA49"/>
    <mergeCell ref="AB43:AQ43"/>
    <mergeCell ref="B46:F46"/>
    <mergeCell ref="G46:V46"/>
    <mergeCell ref="W46:AQ46"/>
    <mergeCell ref="B47:F48"/>
    <mergeCell ref="G47:O48"/>
    <mergeCell ref="P47:Q48"/>
    <mergeCell ref="W47:AA47"/>
    <mergeCell ref="AB47:AQ47"/>
    <mergeCell ref="W48:AA48"/>
    <mergeCell ref="AB48:AQ48"/>
    <mergeCell ref="B43:F43"/>
    <mergeCell ref="G43:V43"/>
    <mergeCell ref="W43:AA43"/>
    <mergeCell ref="AB16:AQ16"/>
    <mergeCell ref="B20:F20"/>
    <mergeCell ref="AC17:AF17"/>
    <mergeCell ref="Z40:AA40"/>
    <mergeCell ref="AB40:AN40"/>
    <mergeCell ref="AO40:AP40"/>
    <mergeCell ref="G41:AQ41"/>
    <mergeCell ref="B42:F42"/>
    <mergeCell ref="W38:AA38"/>
    <mergeCell ref="AB38:AQ38"/>
    <mergeCell ref="B39:F39"/>
    <mergeCell ref="G39:V39"/>
    <mergeCell ref="W39:AA39"/>
    <mergeCell ref="AC39:AF39"/>
    <mergeCell ref="AH39:AK39"/>
    <mergeCell ref="AM39:AP39"/>
    <mergeCell ref="B40:F41"/>
    <mergeCell ref="H40:J40"/>
    <mergeCell ref="L40:O40"/>
    <mergeCell ref="P40:Y40"/>
    <mergeCell ref="W42:AQ42"/>
    <mergeCell ref="G42:V42"/>
    <mergeCell ref="L30:O30"/>
    <mergeCell ref="P30:Y30"/>
    <mergeCell ref="B17:F17"/>
    <mergeCell ref="AC32:AF32"/>
    <mergeCell ref="AH32:AK32"/>
    <mergeCell ref="AM32:AP32"/>
    <mergeCell ref="AB24:AQ24"/>
    <mergeCell ref="W27:AQ27"/>
    <mergeCell ref="W28:AA28"/>
    <mergeCell ref="W29:AA29"/>
    <mergeCell ref="AB28:AQ28"/>
    <mergeCell ref="AB29:AQ29"/>
    <mergeCell ref="AB30:AN30"/>
    <mergeCell ref="AO30:AP30"/>
    <mergeCell ref="G31:AQ31"/>
    <mergeCell ref="G17:V17"/>
    <mergeCell ref="G21:V21"/>
    <mergeCell ref="AB21:AQ21"/>
    <mergeCell ref="AB18:AN18"/>
    <mergeCell ref="AO18:AP18"/>
    <mergeCell ref="G19:AQ19"/>
    <mergeCell ref="P28:Q29"/>
    <mergeCell ref="AH17:AK17"/>
    <mergeCell ref="A1:AQ1"/>
    <mergeCell ref="B38:F38"/>
    <mergeCell ref="G38:V38"/>
    <mergeCell ref="R32:U32"/>
    <mergeCell ref="B33:F33"/>
    <mergeCell ref="G33:X33"/>
    <mergeCell ref="W32:AA32"/>
    <mergeCell ref="B24:F24"/>
    <mergeCell ref="W24:AA24"/>
    <mergeCell ref="B18:F19"/>
    <mergeCell ref="H18:J18"/>
    <mergeCell ref="L18:O18"/>
    <mergeCell ref="P18:Y18"/>
    <mergeCell ref="Z18:AA18"/>
    <mergeCell ref="G24:V24"/>
    <mergeCell ref="B21:F21"/>
    <mergeCell ref="W21:AA21"/>
    <mergeCell ref="B30:F31"/>
    <mergeCell ref="H30:J30"/>
    <mergeCell ref="G20:V20"/>
    <mergeCell ref="W20:AQ20"/>
    <mergeCell ref="Z30:AA30"/>
    <mergeCell ref="W16:AA16"/>
    <mergeCell ref="W17:AA17"/>
    <mergeCell ref="G16:V16"/>
    <mergeCell ref="B55:C55"/>
    <mergeCell ref="AI3:AJ3"/>
    <mergeCell ref="AL3:AM3"/>
    <mergeCell ref="AO3:AP3"/>
    <mergeCell ref="R47:V48"/>
    <mergeCell ref="Y33:Z33"/>
    <mergeCell ref="AA33:AQ33"/>
    <mergeCell ref="B32:F32"/>
    <mergeCell ref="H32:K32"/>
    <mergeCell ref="M32:P32"/>
    <mergeCell ref="B3:G3"/>
    <mergeCell ref="B8:AQ8"/>
    <mergeCell ref="B9:AQ9"/>
    <mergeCell ref="B11:AQ11"/>
    <mergeCell ref="AD3:AF3"/>
    <mergeCell ref="AG3:AH3"/>
    <mergeCell ref="B27:F27"/>
    <mergeCell ref="G27:V27"/>
    <mergeCell ref="B28:F29"/>
    <mergeCell ref="G28:O29"/>
    <mergeCell ref="AM17:AP17"/>
    <mergeCell ref="R28:V29"/>
    <mergeCell ref="B16:F16"/>
  </mergeCells>
  <phoneticPr fontId="3" type="Hiragana"/>
  <conditionalFormatting sqref="AL3:AM3">
    <cfRule type="containsBlanks" dxfId="103" priority="274">
      <formula>LEN(TRIM(AL3))=0</formula>
    </cfRule>
  </conditionalFormatting>
  <conditionalFormatting sqref="AO3:AP3">
    <cfRule type="containsBlanks" dxfId="102" priority="273">
      <formula>LEN(TRIM(AO3))=0</formula>
    </cfRule>
  </conditionalFormatting>
  <conditionalFormatting sqref="A55 F55:AQ55 C54:AQ54">
    <cfRule type="expression" priority="140">
      <formula>CELL("protect",A54)=0</formula>
    </cfRule>
  </conditionalFormatting>
  <conditionalFormatting sqref="A54">
    <cfRule type="expression" priority="139">
      <formula>CELL("protect",A54)=0</formula>
    </cfRule>
  </conditionalFormatting>
  <conditionalFormatting sqref="B55">
    <cfRule type="expression" priority="136">
      <formula>CELL("protect",B55)=0</formula>
    </cfRule>
  </conditionalFormatting>
  <conditionalFormatting sqref="D55">
    <cfRule type="expression" priority="137">
      <formula>CELL("protect",D55)=0</formula>
    </cfRule>
  </conditionalFormatting>
  <conditionalFormatting sqref="B55:C55">
    <cfRule type="containsText" dxfId="101" priority="138" operator="containsText" text="□">
      <formula>NOT(ISERROR(SEARCH("□",B55)))</formula>
    </cfRule>
  </conditionalFormatting>
  <conditionalFormatting sqref="A33:AQ33 A32:G32 L32 Q32 V32:AB32 AG32 AL32">
    <cfRule type="expression" priority="135">
      <formula>CELL("protect",A32)=0</formula>
    </cfRule>
  </conditionalFormatting>
  <conditionalFormatting sqref="G33:X33 AA33:AQ33">
    <cfRule type="containsBlanks" dxfId="100" priority="131">
      <formula>LEN(TRIM(G33))=0</formula>
    </cfRule>
  </conditionalFormatting>
  <conditionalFormatting sqref="AO30 Z30:AA30">
    <cfRule type="expression" dxfId="99" priority="132">
      <formula>AND(LEN(Z30)&lt;&gt;1,#REF!&amp;#REF!&amp;#REF!&amp;#REF!&amp;#REF!&amp;#REF!&amp;#REF!&amp;#REF!&amp;#REF!&amp;#REF!&lt;&gt;"")</formula>
    </cfRule>
  </conditionalFormatting>
  <conditionalFormatting sqref="AB28">
    <cfRule type="expression" dxfId="98" priority="133">
      <formula>AND(#REF!&amp;#REF!&amp;#REF!&amp;#REF!&amp;#REF!&amp;#REF!&amp;#REF!&amp;#REF!&amp;#REF!&amp;#REF!&lt;&gt;"",#REF!="")</formula>
    </cfRule>
  </conditionalFormatting>
  <conditionalFormatting sqref="AB29">
    <cfRule type="expression" dxfId="97" priority="134">
      <formula>AND(#REF!&amp;#REF!&amp;#REF!&amp;#REF!&amp;#REF!&amp;#REF!&amp;#REF!&amp;#REF!&amp;#REF!&amp;#REF!&lt;&gt;"",#REF!="")</formula>
    </cfRule>
  </conditionalFormatting>
  <conditionalFormatting sqref="A18:B18 A19:A20 AB18 G18:H18 K18 P18 G19">
    <cfRule type="expression" priority="125">
      <formula>CELL("protect",A18)=0</formula>
    </cfRule>
  </conditionalFormatting>
  <conditionalFormatting sqref="H18:J18">
    <cfRule type="containsBlanks" dxfId="95" priority="88">
      <formula>LEN(TRIM(H18))=0</formula>
    </cfRule>
    <cfRule type="expression" dxfId="94" priority="127">
      <formula>AND(#REF!&amp;#REF!&amp;#REF!&amp;#REF!&amp;#REF!&amp;#REF!&amp;#REF!&amp;#REF!&amp;#REF!&amp;#REF!&lt;&gt;"",#REF!="")</formula>
    </cfRule>
  </conditionalFormatting>
  <conditionalFormatting sqref="P18:Y18">
    <cfRule type="containsBlanks" dxfId="93" priority="90">
      <formula>LEN(TRIM(P18))=0</formula>
    </cfRule>
    <cfRule type="expression" dxfId="92" priority="128">
      <formula>AND(#REF!&amp;#REF!&amp;#REF!&amp;#REF!&amp;#REF!&amp;#REF!&amp;#REF!&amp;#REF!&amp;#REF!&amp;#REF!&lt;&gt;"",#REF!="")</formula>
    </cfRule>
  </conditionalFormatting>
  <conditionalFormatting sqref="AB18:AN18">
    <cfRule type="containsBlanks" dxfId="91" priority="89">
      <formula>LEN(TRIM(AB18))=0</formula>
    </cfRule>
    <cfRule type="expression" dxfId="90" priority="129">
      <formula>AND(#REF!&amp;#REF!&amp;#REF!&amp;#REF!&amp;#REF!&amp;#REF!&amp;#REF!&amp;#REF!&amp;#REF!&amp;#REF!&lt;&gt;"",#REF!="")</formula>
    </cfRule>
  </conditionalFormatting>
  <conditionalFormatting sqref="G19:AQ19">
    <cfRule type="containsBlanks" dxfId="89" priority="87">
      <formula>LEN(TRIM(G19))=0</formula>
    </cfRule>
    <cfRule type="expression" dxfId="88" priority="130">
      <formula>AND(#REF!&amp;#REF!&amp;#REF!&amp;#REF!&amp;#REF!&amp;#REF!&amp;#REF!&amp;#REF!&amp;#REF!&amp;#REF!&lt;&gt;"",#REF!="")</formula>
    </cfRule>
  </conditionalFormatting>
  <conditionalFormatting sqref="AB17:AQ17">
    <cfRule type="expression" priority="123">
      <formula>CELL("protect",AB17)=0</formula>
    </cfRule>
  </conditionalFormatting>
  <conditionalFormatting sqref="AC17:AF17 AH17:AK17 AM17:AP17">
    <cfRule type="expression" dxfId="87" priority="124">
      <formula>AND(AC17="",#REF!&amp;#REF!&amp;#REF!="")</formula>
    </cfRule>
  </conditionalFormatting>
  <conditionalFormatting sqref="W20">
    <cfRule type="expression" priority="122">
      <formula>CELL("protect",W20)=0</formula>
    </cfRule>
  </conditionalFormatting>
  <conditionalFormatting sqref="G16:V16">
    <cfRule type="containsBlanks" dxfId="86" priority="121">
      <formula>LEN(TRIM(G16))=0</formula>
    </cfRule>
  </conditionalFormatting>
  <conditionalFormatting sqref="AB16:AQ16">
    <cfRule type="containsBlanks" dxfId="85" priority="120">
      <formula>LEN(TRIM(AB16))=0</formula>
    </cfRule>
  </conditionalFormatting>
  <conditionalFormatting sqref="G17:V17">
    <cfRule type="containsBlanks" dxfId="84" priority="119">
      <formula>LEN(TRIM(G17))=0</formula>
    </cfRule>
  </conditionalFormatting>
  <conditionalFormatting sqref="G20:V20">
    <cfRule type="containsBlanks" dxfId="83" priority="118">
      <formula>LEN(TRIM(G20))=0</formula>
    </cfRule>
  </conditionalFormatting>
  <conditionalFormatting sqref="G21:V21">
    <cfRule type="containsBlanks" dxfId="82" priority="117">
      <formula>LEN(TRIM(G21))=0</formula>
    </cfRule>
  </conditionalFormatting>
  <conditionalFormatting sqref="G24:V24">
    <cfRule type="containsBlanks" dxfId="81" priority="116">
      <formula>LEN(TRIM(G24))=0</formula>
    </cfRule>
  </conditionalFormatting>
  <conditionalFormatting sqref="G27:V27">
    <cfRule type="containsBlanks" dxfId="80" priority="115">
      <formula>LEN(TRIM(G27))=0</formula>
    </cfRule>
  </conditionalFormatting>
  <conditionalFormatting sqref="AC17:AF17">
    <cfRule type="containsBlanks" dxfId="79" priority="114">
      <formula>LEN(TRIM(AC17))=0</formula>
    </cfRule>
  </conditionalFormatting>
  <conditionalFormatting sqref="AH17:AK17">
    <cfRule type="containsBlanks" dxfId="78" priority="113">
      <formula>LEN(TRIM(AH17))=0</formula>
    </cfRule>
  </conditionalFormatting>
  <conditionalFormatting sqref="AM17:AP17">
    <cfRule type="containsBlanks" dxfId="77" priority="112">
      <formula>LEN(TRIM(AM17))=0</formula>
    </cfRule>
  </conditionalFormatting>
  <conditionalFormatting sqref="H32:K32">
    <cfRule type="expression" priority="110">
      <formula>CELL("protect",H32)=0</formula>
    </cfRule>
  </conditionalFormatting>
  <conditionalFormatting sqref="H32:K32">
    <cfRule type="expression" dxfId="76" priority="111">
      <formula>AND(H32="",#REF!&amp;#REF!&amp;#REF!="")</formula>
    </cfRule>
  </conditionalFormatting>
  <conditionalFormatting sqref="H32:K32">
    <cfRule type="containsBlanks" dxfId="75" priority="109">
      <formula>LEN(TRIM(H32))=0</formula>
    </cfRule>
  </conditionalFormatting>
  <conditionalFormatting sqref="M32:P32">
    <cfRule type="expression" priority="107">
      <formula>CELL("protect",M32)=0</formula>
    </cfRule>
  </conditionalFormatting>
  <conditionalFormatting sqref="M32:P32">
    <cfRule type="expression" dxfId="74" priority="108">
      <formula>AND(M32="",#REF!&amp;#REF!&amp;#REF!="")</formula>
    </cfRule>
  </conditionalFormatting>
  <conditionalFormatting sqref="M32:P32">
    <cfRule type="containsBlanks" dxfId="73" priority="106">
      <formula>LEN(TRIM(M32))=0</formula>
    </cfRule>
  </conditionalFormatting>
  <conditionalFormatting sqref="R32:U32">
    <cfRule type="expression" priority="104">
      <formula>CELL("protect",R32)=0</formula>
    </cfRule>
  </conditionalFormatting>
  <conditionalFormatting sqref="R32:U32">
    <cfRule type="expression" dxfId="72" priority="105">
      <formula>AND(R32="",#REF!&amp;#REF!&amp;#REF!="")</formula>
    </cfRule>
  </conditionalFormatting>
  <conditionalFormatting sqref="R32:U32">
    <cfRule type="containsBlanks" dxfId="71" priority="103">
      <formula>LEN(TRIM(R32))=0</formula>
    </cfRule>
  </conditionalFormatting>
  <conditionalFormatting sqref="AC32:AF32">
    <cfRule type="expression" priority="101">
      <formula>CELL("protect",AC32)=0</formula>
    </cfRule>
  </conditionalFormatting>
  <conditionalFormatting sqref="AC32:AF32">
    <cfRule type="expression" dxfId="70" priority="102">
      <formula>AND(AC32="",#REF!&amp;#REF!&amp;#REF!="")</formula>
    </cfRule>
  </conditionalFormatting>
  <conditionalFormatting sqref="AC32:AF32">
    <cfRule type="containsBlanks" dxfId="69" priority="100">
      <formula>LEN(TRIM(AC32))=0</formula>
    </cfRule>
  </conditionalFormatting>
  <conditionalFormatting sqref="AH32:AK32">
    <cfRule type="expression" priority="98">
      <formula>CELL("protect",AH32)=0</formula>
    </cfRule>
  </conditionalFormatting>
  <conditionalFormatting sqref="AH32:AK32">
    <cfRule type="expression" dxfId="68" priority="99">
      <formula>AND(AH32="",#REF!&amp;#REF!&amp;#REF!="")</formula>
    </cfRule>
  </conditionalFormatting>
  <conditionalFormatting sqref="AH32:AK32">
    <cfRule type="containsBlanks" dxfId="67" priority="97">
      <formula>LEN(TRIM(AH32))=0</formula>
    </cfRule>
  </conditionalFormatting>
  <conditionalFormatting sqref="AM32:AP32">
    <cfRule type="expression" priority="95">
      <formula>CELL("protect",AM32)=0</formula>
    </cfRule>
  </conditionalFormatting>
  <conditionalFormatting sqref="AM32:AP32">
    <cfRule type="expression" dxfId="66" priority="96">
      <formula>AND(AM32="",#REF!&amp;#REF!&amp;#REF!="")</formula>
    </cfRule>
  </conditionalFormatting>
  <conditionalFormatting sqref="AM32:AP32">
    <cfRule type="containsBlanks" dxfId="65" priority="94">
      <formula>LEN(TRIM(AM32))=0</formula>
    </cfRule>
  </conditionalFormatting>
  <conditionalFormatting sqref="G28">
    <cfRule type="expression" priority="93">
      <formula>CELL("protect",G28)=0</formula>
    </cfRule>
  </conditionalFormatting>
  <conditionalFormatting sqref="G28:O29">
    <cfRule type="containsBlanks" dxfId="64" priority="92">
      <formula>LEN(TRIM(G28))=0</formula>
    </cfRule>
  </conditionalFormatting>
  <conditionalFormatting sqref="AB21:AQ21">
    <cfRule type="containsBlanks" dxfId="63" priority="91">
      <formula>LEN(TRIM(AB21))=0</formula>
    </cfRule>
  </conditionalFormatting>
  <conditionalFormatting sqref="P30:Y30">
    <cfRule type="containsBlanks" dxfId="62" priority="86">
      <formula>LEN(TRIM(P30))=0</formula>
    </cfRule>
  </conditionalFormatting>
  <conditionalFormatting sqref="AB30:AN30">
    <cfRule type="containsBlanks" dxfId="61" priority="85">
      <formula>LEN(TRIM(AB30))=0</formula>
    </cfRule>
  </conditionalFormatting>
  <conditionalFormatting sqref="G31:AQ31">
    <cfRule type="containsBlanks" dxfId="60" priority="84">
      <formula>LEN(TRIM(G31))=0</formula>
    </cfRule>
  </conditionalFormatting>
  <conditionalFormatting sqref="AB29:AQ29">
    <cfRule type="containsBlanks" dxfId="59" priority="73">
      <formula>LEN(TRIM(AB29))=0</formula>
    </cfRule>
  </conditionalFormatting>
  <conditionalFormatting sqref="H30">
    <cfRule type="expression" priority="82">
      <formula>CELL("protect",H30)=0</formula>
    </cfRule>
  </conditionalFormatting>
  <conditionalFormatting sqref="H30:J30">
    <cfRule type="containsBlanks" dxfId="58" priority="81">
      <formula>LEN(TRIM(H30))=0</formula>
    </cfRule>
    <cfRule type="expression" dxfId="57" priority="83">
      <formula>AND(#REF!&amp;#REF!&amp;#REF!&amp;#REF!&amp;#REF!&amp;#REF!&amp;#REF!&amp;#REF!&amp;#REF!&amp;#REF!&lt;&gt;"",#REF!="")</formula>
    </cfRule>
  </conditionalFormatting>
  <conditionalFormatting sqref="L30:O30">
    <cfRule type="expression" priority="79">
      <formula>CELL("protect",L30)=0</formula>
    </cfRule>
  </conditionalFormatting>
  <conditionalFormatting sqref="L30:O30">
    <cfRule type="expression" dxfId="56" priority="80">
      <formula>AND(L30="",#REF!&amp;#REF!&amp;#REF!="")</formula>
    </cfRule>
  </conditionalFormatting>
  <conditionalFormatting sqref="L30:O30">
    <cfRule type="containsBlanks" dxfId="55" priority="78">
      <formula>LEN(TRIM(L30))=0</formula>
    </cfRule>
  </conditionalFormatting>
  <conditionalFormatting sqref="L18:O18">
    <cfRule type="expression" priority="76">
      <formula>CELL("protect",L18)=0</formula>
    </cfRule>
  </conditionalFormatting>
  <conditionalFormatting sqref="L18:O18">
    <cfRule type="expression" dxfId="54" priority="77">
      <formula>AND(L18="",#REF!&amp;#REF!&amp;#REF!="")</formula>
    </cfRule>
  </conditionalFormatting>
  <conditionalFormatting sqref="L18:O18">
    <cfRule type="containsBlanks" dxfId="53" priority="75">
      <formula>LEN(TRIM(L18))=0</formula>
    </cfRule>
  </conditionalFormatting>
  <conditionalFormatting sqref="AB28:AQ28">
    <cfRule type="containsBlanks" dxfId="52" priority="74">
      <formula>LEN(TRIM(AB28))=0</formula>
    </cfRule>
  </conditionalFormatting>
  <conditionalFormatting sqref="A40:B40 A41:A42 AO40 Z40:AA40 K40 G40">
    <cfRule type="expression" priority="71">
      <formula>CELL("protect",A40)=0</formula>
    </cfRule>
  </conditionalFormatting>
  <conditionalFormatting sqref="AO40 Z40:AA40">
    <cfRule type="expression" dxfId="51" priority="72">
      <formula>AND(LEN(Z40)&lt;&gt;1,#REF!&amp;#REF!&amp;#REF!&amp;#REF!&amp;#REF!&amp;#REF!&amp;#REF!&amp;#REF!&amp;#REF!&amp;#REF!&lt;&gt;"")</formula>
    </cfRule>
  </conditionalFormatting>
  <conditionalFormatting sqref="AB39 AG39 AL39 AQ39">
    <cfRule type="expression" priority="70">
      <formula>CELL("protect",AB39)=0</formula>
    </cfRule>
  </conditionalFormatting>
  <conditionalFormatting sqref="A52:AQ52 A51:G51 L51 Q51 V51:AB51 AG51 AL51">
    <cfRule type="expression" priority="69">
      <formula>CELL("protect",A51)=0</formula>
    </cfRule>
  </conditionalFormatting>
  <conditionalFormatting sqref="A49:B49 A50 AO49 Z49:AB49 G49 K49 P49 A46:F46 A48:F48 A47:G47 P47 R47 W47:W48">
    <cfRule type="expression" priority="64">
      <formula>CELL("protect",A46)=0</formula>
    </cfRule>
  </conditionalFormatting>
  <conditionalFormatting sqref="G52:X52 AA52:AQ52">
    <cfRule type="containsBlanks" dxfId="50" priority="65">
      <formula>LEN(TRIM(G52))=0</formula>
    </cfRule>
  </conditionalFormatting>
  <conditionalFormatting sqref="AO49 Z49:AA49">
    <cfRule type="expression" dxfId="49" priority="66">
      <formula>AND(LEN(Z49)&lt;&gt;1,#REF!&amp;#REF!&amp;#REF!&amp;#REF!&amp;#REF!&amp;#REF!&amp;#REF!&amp;#REF!&amp;#REF!&amp;#REF!&lt;&gt;"")</formula>
    </cfRule>
  </conditionalFormatting>
  <conditionalFormatting sqref="P49:Y49">
    <cfRule type="containsBlanks" dxfId="48" priority="22">
      <formula>LEN(TRIM(P49))=0</formula>
    </cfRule>
    <cfRule type="expression" dxfId="47" priority="67">
      <formula>AND(#REF!&amp;#REF!&amp;#REF!&amp;#REF!&amp;#REF!&amp;#REF!&amp;#REF!&amp;#REF!&amp;#REF!&amp;#REF!&lt;&gt;"",#REF!="")</formula>
    </cfRule>
  </conditionalFormatting>
  <conditionalFormatting sqref="AB49:AN49">
    <cfRule type="containsBlanks" dxfId="46" priority="21">
      <formula>LEN(TRIM(AB49))=0</formula>
    </cfRule>
    <cfRule type="expression" dxfId="45" priority="68">
      <formula>AND(#REF!&amp;#REF!&amp;#REF!&amp;#REF!&amp;#REF!&amp;#REF!&amp;#REF!&amp;#REF!&amp;#REF!&amp;#REF!&lt;&gt;"",#REF!="")</formula>
    </cfRule>
  </conditionalFormatting>
  <conditionalFormatting sqref="W42">
    <cfRule type="expression" priority="63">
      <formula>CELL("protect",W42)=0</formula>
    </cfRule>
  </conditionalFormatting>
  <conditionalFormatting sqref="W46">
    <cfRule type="expression" priority="62">
      <formula>CELL("protect",W46)=0</formula>
    </cfRule>
  </conditionalFormatting>
  <conditionalFormatting sqref="G38:V38">
    <cfRule type="containsBlanks" dxfId="44" priority="61">
      <formula>LEN(TRIM(G38))=0</formula>
    </cfRule>
  </conditionalFormatting>
  <conditionalFormatting sqref="G39:V39">
    <cfRule type="containsBlanks" dxfId="43" priority="60">
      <formula>LEN(TRIM(G39))=0</formula>
    </cfRule>
  </conditionalFormatting>
  <conditionalFormatting sqref="G42:V42">
    <cfRule type="containsBlanks" dxfId="42" priority="59">
      <formula>LEN(TRIM(G42))=0</formula>
    </cfRule>
  </conditionalFormatting>
  <conditionalFormatting sqref="G43:V43">
    <cfRule type="containsBlanks" dxfId="41" priority="58">
      <formula>LEN(TRIM(G43))=0</formula>
    </cfRule>
  </conditionalFormatting>
  <conditionalFormatting sqref="AB43:AQ43">
    <cfRule type="containsBlanks" dxfId="40" priority="57">
      <formula>LEN(TRIM(AB43))=0</formula>
    </cfRule>
  </conditionalFormatting>
  <conditionalFormatting sqref="AB38:AQ38">
    <cfRule type="containsBlanks" dxfId="39" priority="56">
      <formula>LEN(TRIM(AB38))=0</formula>
    </cfRule>
  </conditionalFormatting>
  <conditionalFormatting sqref="G46:V46">
    <cfRule type="containsBlanks" dxfId="38" priority="55">
      <formula>LEN(TRIM(G46))=0</formula>
    </cfRule>
  </conditionalFormatting>
  <conditionalFormatting sqref="AB47:AQ47">
    <cfRule type="containsBlanks" dxfId="37" priority="54">
      <formula>LEN(TRIM(AB47))=0</formula>
    </cfRule>
  </conditionalFormatting>
  <conditionalFormatting sqref="AB48:AQ48">
    <cfRule type="containsBlanks" dxfId="36" priority="53">
      <formula>LEN(TRIM(AB48))=0</formula>
    </cfRule>
  </conditionalFormatting>
  <conditionalFormatting sqref="AC39:AF39">
    <cfRule type="expression" priority="51">
      <formula>CELL("protect",AC39)=0</formula>
    </cfRule>
  </conditionalFormatting>
  <conditionalFormatting sqref="AC39:AF39">
    <cfRule type="expression" dxfId="35" priority="52">
      <formula>AND(AC39="",#REF!&amp;#REF!&amp;#REF!="")</formula>
    </cfRule>
  </conditionalFormatting>
  <conditionalFormatting sqref="AC39:AF39">
    <cfRule type="containsBlanks" dxfId="34" priority="50">
      <formula>LEN(TRIM(AC39))=0</formula>
    </cfRule>
  </conditionalFormatting>
  <conditionalFormatting sqref="AH39:AK39">
    <cfRule type="expression" priority="48">
      <formula>CELL("protect",AH39)=0</formula>
    </cfRule>
  </conditionalFormatting>
  <conditionalFormatting sqref="AH39:AK39">
    <cfRule type="expression" dxfId="33" priority="49">
      <formula>AND(AH39="",#REF!&amp;#REF!&amp;#REF!="")</formula>
    </cfRule>
  </conditionalFormatting>
  <conditionalFormatting sqref="AH39:AK39">
    <cfRule type="containsBlanks" dxfId="32" priority="47">
      <formula>LEN(TRIM(AH39))=0</formula>
    </cfRule>
  </conditionalFormatting>
  <conditionalFormatting sqref="AM39:AP39">
    <cfRule type="expression" priority="45">
      <formula>CELL("protect",AM39)=0</formula>
    </cfRule>
  </conditionalFormatting>
  <conditionalFormatting sqref="AM39:AP39">
    <cfRule type="expression" dxfId="31" priority="46">
      <formula>AND(AM39="",#REF!&amp;#REF!&amp;#REF!="")</formula>
    </cfRule>
  </conditionalFormatting>
  <conditionalFormatting sqref="AM39:AP39">
    <cfRule type="containsBlanks" dxfId="30" priority="44">
      <formula>LEN(TRIM(AM39))=0</formula>
    </cfRule>
  </conditionalFormatting>
  <conditionalFormatting sqref="L49:O49">
    <cfRule type="expression" priority="42">
      <formula>CELL("protect",L49)=0</formula>
    </cfRule>
  </conditionalFormatting>
  <conditionalFormatting sqref="L49:O49">
    <cfRule type="expression" dxfId="29" priority="43">
      <formula>AND(L49="",#REF!&amp;#REF!&amp;#REF!="")</formula>
    </cfRule>
  </conditionalFormatting>
  <conditionalFormatting sqref="L49:O49">
    <cfRule type="containsBlanks" dxfId="28" priority="41">
      <formula>LEN(TRIM(L49))=0</formula>
    </cfRule>
  </conditionalFormatting>
  <conditionalFormatting sqref="H51:K51">
    <cfRule type="expression" priority="39">
      <formula>CELL("protect",H51)=0</formula>
    </cfRule>
  </conditionalFormatting>
  <conditionalFormatting sqref="H51:K51">
    <cfRule type="expression" dxfId="27" priority="40">
      <formula>AND(H51="",#REF!&amp;#REF!&amp;#REF!="")</formula>
    </cfRule>
  </conditionalFormatting>
  <conditionalFormatting sqref="H51:K51">
    <cfRule type="containsBlanks" dxfId="26" priority="38">
      <formula>LEN(TRIM(H51))=0</formula>
    </cfRule>
  </conditionalFormatting>
  <conditionalFormatting sqref="M51:P51">
    <cfRule type="expression" priority="36">
      <formula>CELL("protect",M51)=0</formula>
    </cfRule>
  </conditionalFormatting>
  <conditionalFormatting sqref="M51:P51">
    <cfRule type="expression" dxfId="25" priority="37">
      <formula>AND(M51="",#REF!&amp;#REF!&amp;#REF!="")</formula>
    </cfRule>
  </conditionalFormatting>
  <conditionalFormatting sqref="M51:P51">
    <cfRule type="containsBlanks" dxfId="24" priority="35">
      <formula>LEN(TRIM(M51))=0</formula>
    </cfRule>
  </conditionalFormatting>
  <conditionalFormatting sqref="R51:U51">
    <cfRule type="expression" priority="33">
      <formula>CELL("protect",R51)=0</formula>
    </cfRule>
  </conditionalFormatting>
  <conditionalFormatting sqref="R51:U51">
    <cfRule type="expression" dxfId="23" priority="34">
      <formula>AND(R51="",#REF!&amp;#REF!&amp;#REF!="")</formula>
    </cfRule>
  </conditionalFormatting>
  <conditionalFormatting sqref="R51:U51">
    <cfRule type="containsBlanks" dxfId="22" priority="32">
      <formula>LEN(TRIM(R51))=0</formula>
    </cfRule>
  </conditionalFormatting>
  <conditionalFormatting sqref="AC51:AF51">
    <cfRule type="expression" priority="30">
      <formula>CELL("protect",AC51)=0</formula>
    </cfRule>
  </conditionalFormatting>
  <conditionalFormatting sqref="AC51:AF51">
    <cfRule type="expression" dxfId="21" priority="31">
      <formula>AND(AC51="",#REF!&amp;#REF!&amp;#REF!="")</formula>
    </cfRule>
  </conditionalFormatting>
  <conditionalFormatting sqref="AC51:AF51">
    <cfRule type="containsBlanks" dxfId="20" priority="29">
      <formula>LEN(TRIM(AC51))=0</formula>
    </cfRule>
  </conditionalFormatting>
  <conditionalFormatting sqref="AH51:AK51">
    <cfRule type="expression" priority="27">
      <formula>CELL("protect",AH51)=0</formula>
    </cfRule>
  </conditionalFormatting>
  <conditionalFormatting sqref="AH51:AK51">
    <cfRule type="expression" dxfId="19" priority="28">
      <formula>AND(AH51="",#REF!&amp;#REF!&amp;#REF!="")</formula>
    </cfRule>
  </conditionalFormatting>
  <conditionalFormatting sqref="AH51:AK51">
    <cfRule type="containsBlanks" dxfId="18" priority="26">
      <formula>LEN(TRIM(AH51))=0</formula>
    </cfRule>
  </conditionalFormatting>
  <conditionalFormatting sqref="AM51:AP51">
    <cfRule type="expression" priority="24">
      <formula>CELL("protect",AM51)=0</formula>
    </cfRule>
  </conditionalFormatting>
  <conditionalFormatting sqref="AM51:AP51">
    <cfRule type="expression" dxfId="17" priority="25">
      <formula>AND(AM51="",#REF!&amp;#REF!&amp;#REF!="")</formula>
    </cfRule>
  </conditionalFormatting>
  <conditionalFormatting sqref="AM51:AP51">
    <cfRule type="containsBlanks" dxfId="16" priority="23">
      <formula>LEN(TRIM(AM51))=0</formula>
    </cfRule>
  </conditionalFormatting>
  <conditionalFormatting sqref="P40">
    <cfRule type="expression" priority="19">
      <formula>CELL("protect",P40)=0</formula>
    </cfRule>
  </conditionalFormatting>
  <conditionalFormatting sqref="P40:Y40">
    <cfRule type="containsBlanks" dxfId="15" priority="18">
      <formula>LEN(TRIM(P40))=0</formula>
    </cfRule>
    <cfRule type="expression" dxfId="14" priority="20">
      <formula>AND(#REF!&amp;#REF!&amp;#REF!&amp;#REF!&amp;#REF!&amp;#REF!&amp;#REF!&amp;#REF!&amp;#REF!&amp;#REF!&lt;&gt;"",#REF!="")</formula>
    </cfRule>
  </conditionalFormatting>
  <conditionalFormatting sqref="AB40">
    <cfRule type="expression" priority="16">
      <formula>CELL("protect",AB40)=0</formula>
    </cfRule>
  </conditionalFormatting>
  <conditionalFormatting sqref="AB40:AN40">
    <cfRule type="containsBlanks" dxfId="13" priority="15">
      <formula>LEN(TRIM(AB40))=0</formula>
    </cfRule>
    <cfRule type="expression" dxfId="12" priority="17">
      <formula>AND(#REF!&amp;#REF!&amp;#REF!&amp;#REF!&amp;#REF!&amp;#REF!&amp;#REF!&amp;#REF!&amp;#REF!&amp;#REF!&lt;&gt;"",#REF!="")</formula>
    </cfRule>
  </conditionalFormatting>
  <conditionalFormatting sqref="G47:O48">
    <cfRule type="containsBlanks" dxfId="11" priority="14">
      <formula>LEN(TRIM(G47))=0</formula>
    </cfRule>
  </conditionalFormatting>
  <conditionalFormatting sqref="G41:AQ41">
    <cfRule type="containsBlanks" dxfId="10" priority="13">
      <formula>LEN(TRIM(G41))=0</formula>
    </cfRule>
  </conditionalFormatting>
  <conditionalFormatting sqref="G50:AQ50">
    <cfRule type="containsBlanks" dxfId="9" priority="12">
      <formula>LEN(TRIM(G50))=0</formula>
    </cfRule>
  </conditionalFormatting>
  <conditionalFormatting sqref="H40">
    <cfRule type="expression" priority="10">
      <formula>CELL("protect",H40)=0</formula>
    </cfRule>
  </conditionalFormatting>
  <conditionalFormatting sqref="H40:J40">
    <cfRule type="containsBlanks" dxfId="8" priority="9">
      <formula>LEN(TRIM(H40))=0</formula>
    </cfRule>
    <cfRule type="expression" dxfId="7" priority="11">
      <formula>AND(#REF!&amp;#REF!&amp;#REF!&amp;#REF!&amp;#REF!&amp;#REF!&amp;#REF!&amp;#REF!&amp;#REF!&amp;#REF!&lt;&gt;"",#REF!="")</formula>
    </cfRule>
  </conditionalFormatting>
  <conditionalFormatting sqref="H49">
    <cfRule type="expression" priority="7">
      <formula>CELL("protect",H49)=0</formula>
    </cfRule>
  </conditionalFormatting>
  <conditionalFormatting sqref="H49:J49">
    <cfRule type="containsBlanks" dxfId="6" priority="6">
      <formula>LEN(TRIM(H49))=0</formula>
    </cfRule>
    <cfRule type="expression" dxfId="5" priority="8">
      <formula>AND(#REF!&amp;#REF!&amp;#REF!&amp;#REF!&amp;#REF!&amp;#REF!&amp;#REF!&amp;#REF!&amp;#REF!&amp;#REF!&lt;&gt;"",#REF!="")</formula>
    </cfRule>
  </conditionalFormatting>
  <conditionalFormatting sqref="L40:O40">
    <cfRule type="expression" priority="4">
      <formula>CELL("protect",L40)=0</formula>
    </cfRule>
  </conditionalFormatting>
  <conditionalFormatting sqref="L40:O40">
    <cfRule type="expression" dxfId="4" priority="5">
      <formula>AND(L40="",#REF!&amp;#REF!&amp;#REF!="")</formula>
    </cfRule>
  </conditionalFormatting>
  <conditionalFormatting sqref="L40:O40">
    <cfRule type="containsBlanks" dxfId="3" priority="3">
      <formula>LEN(TRIM(L40))=0</formula>
    </cfRule>
  </conditionalFormatting>
  <conditionalFormatting sqref="Z18:AA18">
    <cfRule type="expression" dxfId="2" priority="2">
      <formula>AND(LEN(Z18)&lt;&gt;1,#REF!&amp;#REF!&amp;#REF!&amp;#REF!&amp;#REF!&amp;#REF!&amp;#REF!&amp;#REF!&amp;#REF!&amp;#REF!&lt;&gt;"")</formula>
    </cfRule>
  </conditionalFormatting>
  <conditionalFormatting sqref="AO18">
    <cfRule type="expression" dxfId="0" priority="1">
      <formula>AND(LEN(AO18)&lt;&gt;1,#REF!&amp;#REF!&amp;#REF!&amp;#REF!&amp;#REF!&amp;#REF!&amp;#REF!&amp;#REF!&amp;#REF!&amp;#REF!&lt;&gt;"")</formula>
    </cfRule>
  </conditionalFormatting>
  <dataValidations count="10">
    <dataValidation type="list" allowBlank="1" showInputMessage="1" showErrorMessage="1" sqref="AO30 AO49 AO40 AO18" xr:uid="{00000000-0002-0000-0000-000000000000}">
      <formula1>"市,区,町,村,郡"</formula1>
    </dataValidation>
    <dataValidation type="list" allowBlank="1" showInputMessage="1" showErrorMessage="1" sqref="Z30:AA30 Z49:AA49 Z40:AA40 Z18:AA18" xr:uid="{00000000-0002-0000-0000-000001000000}">
      <formula1>"都,道,府,県"</formula1>
    </dataValidation>
    <dataValidation imeMode="hiragana" allowBlank="1" showInputMessage="1" showErrorMessage="1" sqref="P30:Y30 P18:Y18 G19:AQ19 AB18:AN18 AB30:AN30 AB29 G28 G31:AQ31 AB40:AN40 AB49:AN49 P40:Y40 G47 G41:AQ41 P49:Y49 G50:AQ50" xr:uid="{00000000-0002-0000-0000-000002000000}"/>
    <dataValidation imeMode="disabled" allowBlank="1" showInputMessage="1" showErrorMessage="1" sqref="G33:X33 AA33:AQ33 AH17:AK17 AC17:AF17 M32:P32 R32:U32 AC32:AF32 H32:K32 AH32:AK32 AM32:AP32 AM17:AP17 AH51:AK51 AM39:AP39 AH39:AK39 AC39:AF39 G52:X52 AA52:AQ52 M51:P51 R51:U51 AC51:AF51 H51:K51 AM51:AP51" xr:uid="{00000000-0002-0000-0000-000003000000}"/>
    <dataValidation type="whole" allowBlank="1" showInputMessage="1" showErrorMessage="1" error="4～5月で入力してください。" sqref="AL3:AM3" xr:uid="{00000000-0002-0000-0000-000004000000}">
      <formula1>4</formula1>
      <formula2>5</formula2>
    </dataValidation>
    <dataValidation type="whole" allowBlank="1" showInputMessage="1" showErrorMessage="1" sqref="AO3:AP3" xr:uid="{00000000-0002-0000-0000-000005000000}">
      <formula1>1</formula1>
      <formula2>31</formula2>
    </dataValidation>
    <dataValidation type="textLength" imeMode="disabled" operator="equal" allowBlank="1" showInputMessage="1" showErrorMessage="1" error="3桁の数字で入力してください" sqref="H18:J18 H30:J30 H40:J40 H49:J49" xr:uid="{00000000-0002-0000-0000-000006000000}">
      <formula1>3</formula1>
    </dataValidation>
    <dataValidation type="textLength" imeMode="disabled" operator="equal" allowBlank="1" showInputMessage="1" showErrorMessage="1" error="4桁の数字で入力してください" sqref="L30:O30 L18:O18 L49:O49 L40:O40" xr:uid="{00000000-0002-0000-0000-000007000000}">
      <formula1>4</formula1>
    </dataValidation>
    <dataValidation type="list" allowBlank="1" showInputMessage="1" showErrorMessage="1" sqref="B55:C55" xr:uid="{00000000-0002-0000-0000-000008000000}">
      <formula1>"□,■"</formula1>
    </dataValidation>
    <dataValidation type="custom" imeMode="hiragana" allowBlank="1" showInputMessage="1" showErrorMessage="1" error="ひらがなで入力してください。" sqref="G16:V16" xr:uid="{7C7BDB9D-2959-4284-A6A0-D5A8C41E1899}">
      <formula1>G16=PHONETIC(G16)</formula1>
    </dataValidation>
  </dataValidations>
  <printOptions horizontalCentered="1"/>
  <pageMargins left="0.59055118110236227" right="0.23622047244094491" top="0.55118110236220474" bottom="0.55118110236220474" header="0.31496062992125984" footer="0.31496062992125984"/>
  <pageSetup paperSize="9" scale="76" orientation="portrait" cellComments="asDisplayed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_提案移行申請書</vt:lpstr>
      <vt:lpstr>様式1_提案移行申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3-30T12:30:49Z</cp:lastPrinted>
  <dcterms:created xsi:type="dcterms:W3CDTF">2022-04-13T07:44:05Z</dcterms:created>
  <dcterms:modified xsi:type="dcterms:W3CDTF">2023-04-05T08:56:07Z</dcterms:modified>
</cp:coreProperties>
</file>